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1\LRF-2021\Arquivos para publicação-2021\RREO 6º Bim 2021 PUBLICAÇÃO\"/>
    </mc:Choice>
  </mc:AlternateContent>
  <bookViews>
    <workbookView xWindow="0" yWindow="0" windowWidth="20490" windowHeight="7650" firstSheet="14" activeTab="15"/>
  </bookViews>
  <sheets>
    <sheet name="Anexo - 01 - Balanço Orçamentár" sheetId="1" r:id="rId1"/>
    <sheet name="Anexo - 01.1 - Despesas Corrent" sheetId="2" r:id="rId2"/>
    <sheet name="Anexo - 02 - Despesas por Funçã" sheetId="3" r:id="rId3"/>
    <sheet name="Anexo - 03 - Receita Corrente L" sheetId="4" r:id="rId4"/>
    <sheet name="Anexo - 04 - Receitas e Despesa" sheetId="5" r:id="rId5"/>
    <sheet name="Anexo - 06 - Resultado Primário" sheetId="6" r:id="rId6"/>
    <sheet name="Anexo - 07 - Restos a Pagar por" sheetId="7" r:id="rId7"/>
    <sheet name="Anexo - 08 - Receitas e Despesa" sheetId="8" r:id="rId8"/>
    <sheet name="Anexo - 08.1 - Despesa MDE-Cons" sheetId="9" r:id="rId9"/>
    <sheet name="Anexo - 09 - Receitas de Operaç" sheetId="10" r:id="rId10"/>
    <sheet name="Anexo - 10 - Projeção do Regime" sheetId="11" r:id="rId11"/>
    <sheet name="Anexo - 11 - Receitas de Aliena" sheetId="12" r:id="rId12"/>
    <sheet name="Anexo - 12 - Receitas e Despesa" sheetId="13" r:id="rId13"/>
    <sheet name="Anexo - 12.1 - Despesas Saúde -" sheetId="14" r:id="rId14"/>
    <sheet name="Anexo - 13 - Parcerias Público-" sheetId="15" r:id="rId15"/>
    <sheet name="Anexo - 14 - Resumo Execução Or" sheetId="16" r:id="rId16"/>
  </sheets>
  <calcPr calcId="162913"/>
</workbook>
</file>

<file path=xl/sharedStrings.xml><?xml version="1.0" encoding="utf-8"?>
<sst xmlns="http://schemas.openxmlformats.org/spreadsheetml/2006/main" count="3468" uniqueCount="1404">
  <si>
    <t>ESTADO DE MATO GROSSO DO SUL</t>
  </si>
  <si>
    <t>Relatório Resumido de Execução Orçamentária</t>
  </si>
  <si>
    <t>BALANÇO ORÇAMENTÁRIO</t>
  </si>
  <si>
    <t>Orçamentos Fiscal e da Seguridade Social</t>
  </si>
  <si>
    <t>JANEIRO A DEZEMBRO DE 2021 / BIMESTRE NOVEMBRO - DEZEMBRO</t>
  </si>
  <si>
    <t>RREO - Anexo 1 (LRF, art. 52, inciso I, alíneas "a" e "b" do inciso II e §1º)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No Bimestre  </t>
  </si>
  <si>
    <t xml:space="preserve">Até o Bimestre (h) </t>
  </si>
  <si>
    <t>Saldo (i) = (e-h)</t>
  </si>
  <si>
    <t>Despesas Pagas Até o Bimestre (j)</t>
  </si>
  <si>
    <t>Inscritas em Restos a Pagar Não Processados (k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 RELAÇÃO DAS DESPESAS CORRENTES E RECEITAS CORRENTES</t>
  </si>
  <si>
    <t>RREO - Anexo 1.1 (Art. 167-A da CF/88)</t>
  </si>
  <si>
    <t>Evolução da Receita Realizada nos últimos 12 meses</t>
  </si>
  <si>
    <t>Jan/2021</t>
  </si>
  <si>
    <t>Fev/2021</t>
  </si>
  <si>
    <t>Mar/2021</t>
  </si>
  <si>
    <t>Abr/2021</t>
  </si>
  <si>
    <t>Mai/2021</t>
  </si>
  <si>
    <t>Jun/2021</t>
  </si>
  <si>
    <t>Jul/2021</t>
  </si>
  <si>
    <t>Ago/2021</t>
  </si>
  <si>
    <t>Set/2021</t>
  </si>
  <si>
    <t>Out/2021</t>
  </si>
  <si>
    <t>Nov/2021</t>
  </si>
  <si>
    <t>Dez/2021</t>
  </si>
  <si>
    <t>Total dos Últimos 12 meses (a)</t>
  </si>
  <si>
    <t>RECEITAS CORRENTES ¹</t>
  </si>
  <si>
    <t>RECEITAS CORRENTES (EXCETO INTRA-ORÇAMENTÁRIAS)</t>
  </si>
  <si>
    <t xml:space="preserve"> DESPESAS CORRENTES</t>
  </si>
  <si>
    <t>Evolução da Despesa Liquidada nos últimos 12 meses</t>
  </si>
  <si>
    <t>Total dos Últimos 12 meses (b)</t>
  </si>
  <si>
    <t>Restos a Pagar NÃO Processados Inscritos (RPNP)</t>
  </si>
  <si>
    <t>Em 31 de Dezembro (c) ³</t>
  </si>
  <si>
    <t>Cancelamento (d) 4</t>
  </si>
  <si>
    <t>Total dos Últimos 12 meses Ajustado  (e) = (b) + (c) - (d)</t>
  </si>
  <si>
    <t>DESPESAS CORRENTES ²</t>
  </si>
  <si>
    <t>DESPESAS (EXCETO INTRA-ORÇAMENTÁRIAS)</t>
  </si>
  <si>
    <t>RELAÇÃO ENTRE AS DESPESAS CORRENTES E RECEITAS CORRENTES</t>
  </si>
  <si>
    <t>Valor</t>
  </si>
  <si>
    <t>RELAÇÃO ENTRE AS DESPESAS CORRENTES E RECEITAS CORRENTES (%)  (f) = ((e) / (a) * 100)</t>
  </si>
  <si>
    <t>TRAJETÓRIA DE RETORNO AO LIMITE ESTABELECIDO NO ART. 167-A DA CF/88</t>
  </si>
  <si>
    <t>Percentual (%) do Limite Máximo (g)</t>
  </si>
  <si>
    <t>Percentual (%) que excedeu o Limite Permitido (h)</t>
  </si>
  <si>
    <t>Percentual (%) do ajuste Fiscal Previsto no Ato Normativo (i)</t>
  </si>
  <si>
    <t>Percentual (%) excedente ajustado (j)</t>
  </si>
  <si>
    <t xml:space="preserve">TRAJETÓRIA DE RETORNO AO LIMITE DO ART. 167-A DA CF/88 5 </t>
  </si>
  <si>
    <t>DEMONSTRATIVO DA EXECUÇÃO DAS DESPESAS POR FUNÇÃO/SUBFUNÇÃO</t>
  </si>
  <si>
    <t>RREO - Anexo 2 (LRF, art. 52, inciso II, alínea "c")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Inscritas em Restos a Pagar Não Processados (f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3 - Ensino Profissiona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1 - Promoção da Produção Vegetal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00001</t>
  </si>
  <si>
    <t>Total</t>
  </si>
  <si>
    <t>DEMONSTRATIVO DA RECEITA CORRENTE LÍQUIDA</t>
  </si>
  <si>
    <t>RREO - Anexo 3 (LRF, art. 53, inciso I)</t>
  </si>
  <si>
    <t>ESPECIFICAÇÃO</t>
  </si>
  <si>
    <t>Total (ùltimos 12 Meses)</t>
  </si>
  <si>
    <t>Previsão Atualizada 2021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</t>
  </si>
  <si>
    <t>RREO - Anexo 4 (LRF, art. 53, inciso II)</t>
  </si>
  <si>
    <t>RECEITAS PREVIDENCIÁRIAS - RPPS (FUNDO EM CAPITALIZAÇÃO)</t>
  </si>
  <si>
    <t>Receitas Realizadas até o Bimestre (b)</t>
  </si>
  <si>
    <t>RECEITAS CORRENTES (I)</t>
  </si>
  <si>
    <t xml:space="preserve">Receita de Contribuições dos Segurados </t>
  </si>
  <si>
    <t xml:space="preserve">   Ativo </t>
  </si>
  <si>
    <t xml:space="preserve">   Inativo </t>
  </si>
  <si>
    <t xml:space="preserve">   Pensionista </t>
  </si>
  <si>
    <t xml:space="preserve">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Financeira entre os regimes</t>
  </si>
  <si>
    <t xml:space="preserve">   Receita de Aportes Periódicos para Amortização de Déficit Atuarial do RPPS (II)¹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DO FUNDO EM CAPITALIZAÇÃO - (IV) = (I + III - II)</t>
  </si>
  <si>
    <t>DESPESAS PREVIDENCIÁRIAS - RPPS (FUNDO EM CAPITALIZAÇÃO)</t>
  </si>
  <si>
    <t>Dotação Atualizada (c)</t>
  </si>
  <si>
    <t>Despesas Empenhadas até o Bimestre (d)</t>
  </si>
  <si>
    <t>Despesas Liquidadas até o Bimestre (e)</t>
  </si>
  <si>
    <t>Despesas Pagas Até o Bimestre (f)</t>
  </si>
  <si>
    <t>Inscritas em Restos a Pagar Não Processadas No Exercício (g)</t>
  </si>
  <si>
    <t>Benefícios</t>
  </si>
  <si>
    <t xml:space="preserve">   Aposentadorias</t>
  </si>
  <si>
    <t xml:space="preserve">   Pensões por Morte</t>
  </si>
  <si>
    <t>Outras Despesas Previdenciárias</t>
  </si>
  <si>
    <t xml:space="preserve">   Demais Despesas Previdenciárias</t>
  </si>
  <si>
    <t>TOTAL DAS DESPESAS DO FUNDO EM CAPITALIZAÇÃO (V)</t>
  </si>
  <si>
    <t>RESULTADO PREVIDENCIÁRIO - FUNDO EM CAPITALIZAÇÃO (VI) = (IV – V)2</t>
  </si>
  <si>
    <t>RESULTADO PREVIDENCIÁRIO - FUNDO EM CAPITALIZAÇÃO (VI) = (IV – V)²</t>
  </si>
  <si>
    <t>RECURSOS RPPS ARRECADADOS EM EXERCÍCIOS ANTERIORES</t>
  </si>
  <si>
    <t>Previsão Orçamentária</t>
  </si>
  <si>
    <t>VALOR</t>
  </si>
  <si>
    <t>RESERVA ORÇAMENTÁRIA DO RPPS</t>
  </si>
  <si>
    <t>APORTES DE RECURSOS PARA O FUNDO EM CAPITALIZAÇÃ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 (FUNDO EM CAPITALIZAÇÃO)</t>
  </si>
  <si>
    <t>Saldo Atual</t>
  </si>
  <si>
    <t>Caixa e Equivalentes de Caixa</t>
  </si>
  <si>
    <t>Investimentos e Aplicações</t>
  </si>
  <si>
    <t>Outros Bens e Direitos</t>
  </si>
  <si>
    <t>RECEITAS PREVIDENCIÁRIAS - RPPS (FUNDO EM REPARTIÇÃO)</t>
  </si>
  <si>
    <t>RECEITAS CORRENTES (VII)</t>
  </si>
  <si>
    <t xml:space="preserve">   Receita de Contribuições dos Segurados </t>
  </si>
  <si>
    <t xml:space="preserve">      Ativo </t>
  </si>
  <si>
    <t xml:space="preserve">      Inativo </t>
  </si>
  <si>
    <t xml:space="preserve">      Pensionista </t>
  </si>
  <si>
    <t xml:space="preserve">   Receita de Contribuições Patronais 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entre os regime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DO FUNDO EM REPARTIÇÃO (IX) = (VII + VIII)</t>
  </si>
  <si>
    <t>DESPESAS PREVIDENCIÁRIAS - RPPS (FUNDO EM REPARTIÇÃO)</t>
  </si>
  <si>
    <t xml:space="preserve">   Aposentadorias </t>
  </si>
  <si>
    <t xml:space="preserve">   Compensação Previdenciária entre os regimes</t>
  </si>
  <si>
    <t>TOTAL DAS DESPESAS DO FUNDO EM REPARTIÇÃO (X)</t>
  </si>
  <si>
    <t>RESULTADO PREVIDENCIÁRIO - FUNDO EM REPARTIÇÃO (IX) = (VII - VIII)2</t>
  </si>
  <si>
    <t>RESULTADO PREVIDENCIÁRIO - FUNDO EM REPARTIÇÃO (XI) = (IX – X)²</t>
  </si>
  <si>
    <t>APORTES DE RECURSOS PARA O FUNDO EM REPARTIÇÃO DO RPPS</t>
  </si>
  <si>
    <t>Recursos para Cobertura de Insuficiências Financeiras</t>
  </si>
  <si>
    <t>Recursos para Formação de Reserva</t>
  </si>
  <si>
    <t>RECEITAS DA ADMINISTRAÇÃO - RPPS</t>
  </si>
  <si>
    <t>Receitas Correntes</t>
  </si>
  <si>
    <t>TOTAL DAS RECEITAS DA ADMINISTRAÇÃO RPPS  (XII)</t>
  </si>
  <si>
    <t>DESPESAS DA ADMINISTRAÇÃO - RPPS</t>
  </si>
  <si>
    <t>Despesas Correntes (XIII)</t>
  </si>
  <si>
    <t xml:space="preserve">   Pessoal e Encargos Sociais</t>
  </si>
  <si>
    <t xml:space="preserve">   Demais Despesas Correntes</t>
  </si>
  <si>
    <t>Despesas de Capital (XIV)</t>
  </si>
  <si>
    <t>TOTAL DAS DESPESAS DA ADMINISTRAÇÃO RPPS (XV) = (XIII + XIV)</t>
  </si>
  <si>
    <t>RESULTADO DA ADMINISTRAÇÃO RPPS (XII) = (X – XI)2</t>
  </si>
  <si>
    <t>RESULTADO DA ADMINISTRAÇÃO RPPS (XVI) = (XII – XV)²</t>
  </si>
  <si>
    <t>RECEITAS PREVIDENCIÁRIAS (BENEFÍCIOS MANTIDOS PELO TESOURO)</t>
  </si>
  <si>
    <t xml:space="preserve">Contribuições dos Servidores </t>
  </si>
  <si>
    <t xml:space="preserve">Demais Receitas Previdenciárias </t>
  </si>
  <si>
    <t>TOTAL DAS RECEITAS  (BENEFÍCIOS MANTIDOS PELO TESOURO) (XVII)</t>
  </si>
  <si>
    <t>DESPESAS PREVIDENCIÁRIAS (BENEFÍCIOS MANTIDOS PELO TESOURO)</t>
  </si>
  <si>
    <t xml:space="preserve">Aposentadorias </t>
  </si>
  <si>
    <t>Pensões</t>
  </si>
  <si>
    <t>TOTAL DAS DESPESAS (BENEFÍCIOS MANTIDOS PELO TESOURO) (XVIII)</t>
  </si>
  <si>
    <t>RESULTADO DOS BENEFÍCIOS MANTIDOS PELO TESOURO (XV) = (XIII - XIV)2</t>
  </si>
  <si>
    <t>RESULTADO DOS BENEFÍCIOS MANTIDOS PELO TESOURO (XIX) = (XVII - XVIII)²</t>
  </si>
  <si>
    <t>RECEITAS DE CONTRIBUIÇÃO DOS MILITARES</t>
  </si>
  <si>
    <t>Contribuição sobre a remuneração dos militares ativos</t>
  </si>
  <si>
    <t>Contribuição sobre a remuneração dos militares inativos</t>
  </si>
  <si>
    <t xml:space="preserve">Contribuição sobre a remuneração dos pensionistas </t>
  </si>
  <si>
    <t>Outras contribuições</t>
  </si>
  <si>
    <t>TOTAL DAS CONTRIBUIÇÕES DOS MILITARES (XX)</t>
  </si>
  <si>
    <t>DESPESAS COM INATIVOS E PENSIONISTAS MILITARES</t>
  </si>
  <si>
    <t>Inatividade</t>
  </si>
  <si>
    <t>Outras Despesas</t>
  </si>
  <si>
    <t xml:space="preserve">TOTAL DAS DESPESAS COM INATIVOS E PENSIONISTAS MILITARES (XXI) </t>
  </si>
  <si>
    <t>RESULTADO ASSOCIADO ÀS PENSÕES E OS INATIVOS MILITARES (XVIII) = (XVI –XVII)2</t>
  </si>
  <si>
    <t>RESULTADO ASSOCIADO ÀS PENSÕES E OS INATIVOS MILITARES (XXII) = (XX–XXI)²</t>
  </si>
  <si>
    <t>DEMONSTRATIVO DO RESULTADO PRIMÁRIO E NOMINAL</t>
  </si>
  <si>
    <t>RREO - Anexo 6 (LRF, art 53, inciso III)</t>
  </si>
  <si>
    <t>RECEITAS PRIMÁRIAS</t>
  </si>
  <si>
    <t>Previsão Atualizada</t>
  </si>
  <si>
    <t>Até o Bimestre 2021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otação Atualizada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20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1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20</t>
  </si>
  <si>
    <t>Até o Bimestre/  2021</t>
  </si>
  <si>
    <t>INSCRITAS EM RESTOS A PAGAR NÃO PROCESSADOS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DEMONSTRATIVO DOS RESTOS A PAGAR POR PODER E ÓRGÃO</t>
  </si>
  <si>
    <t>RREO - Anexo 7 (LRF, art. 53, inciso V)</t>
  </si>
  <si>
    <t>Poder / Órgão</t>
  </si>
  <si>
    <t>Restos a Pagar Processados</t>
  </si>
  <si>
    <t>Inscritos em Exercícios Anteriores (a)</t>
  </si>
  <si>
    <t>Inscritos Em 31 de Dezembro de 2020 (b)</t>
  </si>
  <si>
    <t>Cancelados (d)</t>
  </si>
  <si>
    <t>Saldo e=(a+b)-(c+d)</t>
  </si>
  <si>
    <t>Restos a Pagar Não Processados</t>
  </si>
  <si>
    <t>Inscritos em Exercícios Anteriores (f)</t>
  </si>
  <si>
    <t>Inscritos Em 31 de Dezembro de 2020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</t>
  </si>
  <si>
    <t>RREO - Anexo 8 (LDB, art. 72)</t>
  </si>
  <si>
    <t>RECEITA RESULTANTE DE IMPOSTOS</t>
  </si>
  <si>
    <t>1- RECEITA DE IMPOSTOS</t>
  </si>
  <si>
    <t xml:space="preserve">       1.1- Receita Resultante do Imposto sobre a Circulação de Mercadorias e Serviços de Transporte Interestadual e Intermunicipal e de Comunicação – ICMS</t>
  </si>
  <si>
    <t xml:space="preserve">             1.1.1- ICMS - Principal e Encargos (Multas, Juros de Mora, Divida Ativa e Outros Encargos do ICMS)</t>
  </si>
  <si>
    <t xml:space="preserve">             1.1.2- Adicional de até 2% do ICMS destinado ao Fundo de Combate à Pobreza (ADCT, art. 82, §1º)</t>
  </si>
  <si>
    <t xml:space="preserve">       1.2- Receita Resultante do Imposto de Transmissão Causa Mortis e Doação de Bens e Direitos – ITCD</t>
  </si>
  <si>
    <t xml:space="preserve">       1.3- Receita Resultante do Imposto sobre a Propriedade de Veículos Automotores – IPVA</t>
  </si>
  <si>
    <t xml:space="preserve">       1.4- Receita Resultante do Imposto sobre a Renda e Proventos de Qualquer Natureza Retido na Fonte – IRRF</t>
  </si>
  <si>
    <t xml:space="preserve">2- RECEITA DE TRANSFERÊNCIAS CONSTITUCIONAIS E LEGAIS </t>
  </si>
  <si>
    <t xml:space="preserve">       2.1- Cota-Parte FPE </t>
  </si>
  <si>
    <t xml:space="preserve">       2.2- Cota-Parte IPI-Exportação </t>
  </si>
  <si>
    <t xml:space="preserve">       2.3- Cota-Parte IOF-Ouro </t>
  </si>
  <si>
    <t xml:space="preserve">       2.4- Compensações Financeiras Provenientes de Impostos e Transferências Constitucionais</t>
  </si>
  <si>
    <t>3- DEDUÇÕES DE TRANSFERÊNCIAS CONSTITUCIONAIS AOS MUNICÍPIOS</t>
  </si>
  <si>
    <t xml:space="preserve">       3.1- PARCELA DO ICMS REPASSADA AOS MUNICÍPIOS (25% de 1.1.1)</t>
  </si>
  <si>
    <t xml:space="preserve">       3.2- PARCELA DO IPVA REPASSADA AOS MUNICÍPIOS (50% de 1.3)</t>
  </si>
  <si>
    <t xml:space="preserve">       3.3- PARCELA DA COTA-PARTE DO IPI-EXPORTAÇÃO REPASSADA AOS MUNICÍPIOS (25% de 2.2)</t>
  </si>
  <si>
    <t>4- TOTAL DA RECEITA LÍQUIDA RESULTANTE DE IMPOSTOS (1 + 2 - 3)</t>
  </si>
  <si>
    <t>5- TOTAL DESTINADO AO FUNDEB - 20% DE ((1.1 - 3.1) + (1.2) + (1.3 - 3.2) + (2.1) + (2.2 - 3.3))</t>
  </si>
  <si>
    <t>6- VALOR MÍNIMO A SER APLICADO ALÉM DO VALOR DESTINADO AO FUNDEB - 5% DE ((1.1 - 3.1) + (1.2) + (1.3 - 3.2) + (2.1) + (2.2 - 3.3)) + 25% DE (1.4 + 2.3 + 2.4)</t>
  </si>
  <si>
    <t>RECEITAS RECEBIDAS DO FUNDEB NO EXERCÍCIO</t>
  </si>
  <si>
    <t>7- RECEITAS RECEBIDAS DO FUNDEB</t>
  </si>
  <si>
    <t xml:space="preserve">    7.1- FUNDEB - Impostos e Transferências de Impostos</t>
  </si>
  <si>
    <t xml:space="preserve">          7.1.1- Principal</t>
  </si>
  <si>
    <t xml:space="preserve">          7.1.2- Rendimentos de Aplicação Financeira</t>
  </si>
  <si>
    <t xml:space="preserve">    7.2- FUNDEB - Complementação da União - VAAF</t>
  </si>
  <si>
    <t xml:space="preserve">          7.2.1- Principal</t>
  </si>
  <si>
    <t xml:space="preserve">          7.2.2- Rendimentos de Aplicação Financeira</t>
  </si>
  <si>
    <t xml:space="preserve">    7.3- FUNDEB - Complementação da União - VAAT</t>
  </si>
  <si>
    <t xml:space="preserve">          7.3.1- Principal</t>
  </si>
  <si>
    <t xml:space="preserve">          7.3.2- Rendimentos de Aplicação Financeira</t>
  </si>
  <si>
    <t>8- RESULTADO LÍQUIDO DAS TRANSFERÊNCIAS DO FUNDEB (7.1.1 – 5)¹</t>
  </si>
  <si>
    <t>RECURSOS RECEBIDOS EM EXERCÍCIOS ANTERIORES E NÃO UTILIZADOS (SUPERÁVIT)</t>
  </si>
  <si>
    <t>9- TOTAL DOS RECURSOS DE SUPERÁVIT</t>
  </si>
  <si>
    <t xml:space="preserve">  9.1- SUPERÁVIT DO EXERCÍCIO IMEDIATAMENTE ANTERIOR</t>
  </si>
  <si>
    <t xml:space="preserve">  9.2- SUPERÁVIT RESIDUAL DE OUTROS EXERCÍCIOS</t>
  </si>
  <si>
    <t>10- TOTAL DOS RECURSOS DO FUNDEB DISPONÍVEIS PARA UTILIZAÇÃO (7 + 9)</t>
  </si>
  <si>
    <t>DESPESAS COM RECURSOS DO FUNDEB (POR ÁREA DE ATUAÇÃO)6</t>
  </si>
  <si>
    <t>Inscritas em Restos a Pagar Não Processados (g)</t>
  </si>
  <si>
    <t>11- PROFISSIONAIS DA EDUCAÇÃO BÁSICA</t>
  </si>
  <si>
    <t xml:space="preserve">      11.1- Ensino Fundamental </t>
  </si>
  <si>
    <t xml:space="preserve">      11.2- Ensino Médio </t>
  </si>
  <si>
    <t>12- OUTRAS DESPESAS</t>
  </si>
  <si>
    <t xml:space="preserve">      12.1- Ensino Fundamental </t>
  </si>
  <si>
    <t xml:space="preserve">      12.2- Ensino Médio</t>
  </si>
  <si>
    <t>13- TOTAL DAS DESPESAS COM RECURSOS DO FUNDEB (11 + 12)</t>
  </si>
  <si>
    <t>DESPESAS CUSTEADAS COM RECEITAS DO FUNDEB RECEBIDAS NO EXERCÍCIO</t>
  </si>
  <si>
    <t>Inscritas Em Restos A Pagar Não Processados (Sem Disponibilidade de Caixa)7 (h)</t>
  </si>
  <si>
    <t>14- Total das Despesas do FUNDEB com Profissionais da Educação Básica</t>
  </si>
  <si>
    <t>15- Total das Despesas custeadas com FUNDEB - Impostos e Transferências de Impostos</t>
  </si>
  <si>
    <t>16- Total das Despesas custeadas com FUNDEB - Complementação da União - VAAF</t>
  </si>
  <si>
    <t>17- Total das Despesas custeadas com FUNDEB - Complementação da União - VAAT</t>
  </si>
  <si>
    <t>18- Total das Despesas custeadas com FUNDEB - Complementação da União - VAAT Aplicadas em Despesa de Capital</t>
  </si>
  <si>
    <t>INDICADORES - ART. 212-A, INCISO XI E § 3º - CONSTITUIÇÃO FEDERAL2</t>
  </si>
  <si>
    <t>Valor Exigido (i)</t>
  </si>
  <si>
    <t>Valor Aplicado (j)</t>
  </si>
  <si>
    <t>Valor Considerado Após Deduções (k)</t>
  </si>
  <si>
    <t>% Aplicado (l)</t>
  </si>
  <si>
    <t>19- Mínimo de 70% do FUNDEB na Remuneração dos Profissionais da Educação Básica</t>
  </si>
  <si>
    <t>20- Mínimo de 15% da Complementação da União ao FUNDEB - VAAT em Despesas de Capital</t>
  </si>
  <si>
    <t>INDICADOR - ART.25, § 3º - LEI Nº 14.113, DE 2020 - (MÁXIMO DE 10% DE SUPERÁVIT)3</t>
  </si>
  <si>
    <t>Valor Máximo Permitido (m)</t>
  </si>
  <si>
    <t>Valor Não Aplicado (n)</t>
  </si>
  <si>
    <t>Valor Não Aplicado Após Ajuste (o)</t>
  </si>
  <si>
    <t>% Não Aplicado (p)</t>
  </si>
  <si>
    <t xml:space="preserve">21- Total da Receita Recebida e não Aplicada no Exercício </t>
  </si>
  <si>
    <t>INDICADOR - ART.25, § 3º - LEI Nº 14.113, DE 2020 - (APLICAÇÃO DO SUPERÁVIT DE EXERCÍCIO ANTERIOR)3</t>
  </si>
  <si>
    <t>Valor de Superávit Permitido No Exercício 2020 (q)</t>
  </si>
  <si>
    <t>Valor Não Aplicado No Exercício 2020 (r)</t>
  </si>
  <si>
    <t>Valor de Superávit Aplicado Até o Primeiro Quadrimestre (s)</t>
  </si>
  <si>
    <t>Valor Aplicado Até o Primeiro Quadrimestre Que Integrará o Limite Constitucional (t)</t>
  </si>
  <si>
    <t>Valor Aplicado Após o Primeiro Quadrimestre (u)</t>
  </si>
  <si>
    <t>Valor Não Aplicado (v)</t>
  </si>
  <si>
    <t>22- Total das Despesas custeadas com Superávit do FUNDEB</t>
  </si>
  <si>
    <t xml:space="preserve">   22.1- Total das Despesas custeadas com FUNDEB - Impostos e Transferências de Impostos</t>
  </si>
  <si>
    <t xml:space="preserve">   22.2- Total das Despesas custeadas com FUNDEB - Complementação da União (VAAF + VAAT)</t>
  </si>
  <si>
    <t>DESPESAS COM AÇÕES TÍPICAS DE MDE - RECEITAS DE IMPOSTOS - EXCETO FUNDEB (POR ÁREA DE ATUAÇÃO)6</t>
  </si>
  <si>
    <t>23- EDUCAÇÃO INFANTIL</t>
  </si>
  <si>
    <t xml:space="preserve">      23.1- Creche</t>
  </si>
  <si>
    <t xml:space="preserve">      23.2- Pré-escola</t>
  </si>
  <si>
    <t xml:space="preserve">24- ENSINO FUNDAMENTAL </t>
  </si>
  <si>
    <t xml:space="preserve">25- ENSINO MÉDIO </t>
  </si>
  <si>
    <t>26- ENSINO SUPERIOR</t>
  </si>
  <si>
    <t>27- ENSINO PROFISSIONAL NÃO INTEGRADO AO ENSINO REGULAR</t>
  </si>
  <si>
    <t>28- TOTAL DAS DESPESAS COM AÇÕES TÍPICAS DE MDE (23 + 24 + 25 + 26 + 27)</t>
  </si>
  <si>
    <t>APURAÇÃO DAS DESPESAS PARA FINS DE LIMITE MÍNIMO CONSTITUCIONAL</t>
  </si>
  <si>
    <t>29- TOTAL DAS DESPESAS DE MDE CUSTEADAS COM RECURSOS DE IMPOSTOS (FUNDEB E RECEITA DE IMPOSTOS) = (L15(d ou e) + L28(d ou e) + L22.1(t))</t>
  </si>
  <si>
    <t>30 (-) RESULTADO LÍQUIDO DAS TRANSFERÊNCIAS DO FUNDEB = (L8)</t>
  </si>
  <si>
    <t>31 (-) RESTOS A PAGAR NÃO PROCESSADOS INSCRITOS NO EXERCÍCIO SEM DISPONIBILIDADE FINANCEIRA DE RECURSOS DO FUNDEB IMPOSTOS4 = (L15h)</t>
  </si>
  <si>
    <t>32 (-) RESTOS A PAGAR NÃO PROCESSADOS INSCRITOS NO EXERCÍCIO SEM DISPONIBILIDADE FINANCEIRA DE RECURSOS DE IMPOSTOS4 e 7</t>
  </si>
  <si>
    <t xml:space="preserve">33 (-) CANCELAMENTO, NO EXERCÍCIO, DE RESTOS A PAGAR INSCRITOS COM DISPONIBILIDADE FINANCEIRA DE RECURSOS DE IMPOSTOS VINCULADOS AO ENSINO = (L37.1(ac) + L37.2(ac)) </t>
  </si>
  <si>
    <t>35- TOTAL DAS DESPESAS PARA FINS DE LIMITE  (29 – (30 + 31 + 32 + 33))</t>
  </si>
  <si>
    <t>APURAÇÃO DO LIMITE MÍNIMO CONSTITUCIONAL2 E 5</t>
  </si>
  <si>
    <t>Valor Exigido (x)</t>
  </si>
  <si>
    <t>Valor Aplicado (w)</t>
  </si>
  <si>
    <t>% Aplicado (y)</t>
  </si>
  <si>
    <t>36- APLICAÇÃO EM MDE SOBRE A RECEITA LÍQUIDA RESULTANTE DE IMPOSTOS</t>
  </si>
  <si>
    <t>RESTOS A PAGAR INSCRITOS EM EXERCÍCIOS ANTERIORES COM DISPONIBILIDADE FINANCEIRA DE RECURSOS DE IMPOSTOS E DO FUNDEB8</t>
  </si>
  <si>
    <t>Saldo Inicial (z)</t>
  </si>
  <si>
    <t>RP Liquidados (aa)</t>
  </si>
  <si>
    <t>RP Pagos (ab)</t>
  </si>
  <si>
    <t>RP Cancelados (ac)</t>
  </si>
  <si>
    <t>Saldo Final (ad)</t>
  </si>
  <si>
    <t>37- RESTOS A PAGAR DE DESPESAS COM MDE</t>
  </si>
  <si>
    <t xml:space="preserve">   37.1 - Executadas com Recursos de Impostos e Transferências de Impostos</t>
  </si>
  <si>
    <t xml:space="preserve">   37.2 - Executadas com Recursos do FUNDEB - Impostos</t>
  </si>
  <si>
    <t xml:space="preserve">   37.3 - Executadas com Recursos do FUNDEB - Complementação da União (VAAT + VAAF)</t>
  </si>
  <si>
    <t>RECEITAS ADICIONAIS PARA FINANCIAMENTO DO ENSINO</t>
  </si>
  <si>
    <t>38- RECEITA DE TRANSFERÊNCIAS DO FNDE (INCLUINDO RENDIMENTOS DE APLICAÇÃO FINANCEIRA)</t>
  </si>
  <si>
    <t xml:space="preserve">       38.1- Salário-Educação</t>
  </si>
  <si>
    <t xml:space="preserve">       38.2- PDDE</t>
  </si>
  <si>
    <t xml:space="preserve">       38.3- PNAE</t>
  </si>
  <si>
    <t xml:space="preserve">       38.4 - PNATE</t>
  </si>
  <si>
    <t xml:space="preserve">       38.5- Outras Transferências do FNDE</t>
  </si>
  <si>
    <t>39- RECEITA DE TRANSFERÊNCIAS DE CONVÊNIOS</t>
  </si>
  <si>
    <t>40- RECEITA DE ROYALTIES DESTINADOS À EDUCAÇÃO</t>
  </si>
  <si>
    <t>41- RECEITA DE OPERAÇÕES DE CRÉDITO VINCULADAS À EDUCAÇÃO</t>
  </si>
  <si>
    <t>42- OUTRAS RECEITAS PARA FINANCIAMENTO DO ENSINO</t>
  </si>
  <si>
    <t>43- TOTAL DAS RECEITAS ADICIONAIS PARA FINANCIAMENTO DO ENSINO = (38 + 39 + 40 + 41 + 42)</t>
  </si>
  <si>
    <t>DESPESAS CUSTEADAS COM RECEITAS ADICIONAIS PARA FINANCIAMENTO DO ENSINO (POR ÁREA DE ATUAÇÃO)6</t>
  </si>
  <si>
    <t>44- EDUCAÇÃO INFANTIL</t>
  </si>
  <si>
    <t xml:space="preserve">      44.1- Creche</t>
  </si>
  <si>
    <t xml:space="preserve">      44.2- Pré-escola</t>
  </si>
  <si>
    <t xml:space="preserve">45- ENSINO FUNDAMENTAL </t>
  </si>
  <si>
    <t xml:space="preserve">46- ENSINO MÉDIO </t>
  </si>
  <si>
    <t>47- ENSINO SUPERIOR</t>
  </si>
  <si>
    <t>48- ENSINO PROFISSIONAL NÃO INTEGRADO AO ENSINO REGULAR</t>
  </si>
  <si>
    <t>49- TOTAL DAS DESPESAS CUSTEADAS COM RECEITAS ADICIONAIS PARA FINANCIAMENTO DO ENSINO (44 + 45 + 46 + 47 + 48)</t>
  </si>
  <si>
    <t>TOTAL GERAL DAS DESPESAS COM EDUCAÇÃO</t>
  </si>
  <si>
    <t>50- TOTAL GERAL DAS DESPESAS COM EDUCAÇÃO (13 + 28 + 49)</t>
  </si>
  <si>
    <t xml:space="preserve">   50.1- Despesas Correntes</t>
  </si>
  <si>
    <t xml:space="preserve">         50.1.1 - Pessoal Ativo</t>
  </si>
  <si>
    <t xml:space="preserve">         50.1.2 - Pessoal Inativo</t>
  </si>
  <si>
    <t xml:space="preserve">         50.1.3 -Transferências às instituições comunitárias, confessionais ou filantrópicas sem fins lucrativos</t>
  </si>
  <si>
    <t xml:space="preserve">         50.1.4 -Outras Despesas Correntes</t>
  </si>
  <si>
    <t xml:space="preserve">   50.2- Despesas de Capital</t>
  </si>
  <si>
    <t xml:space="preserve">         50.2.1 -Transferências às instituições comunitárias, confessionais ou filantrópicas sem fins lucrativos</t>
  </si>
  <si>
    <t xml:space="preserve">         50.2.2 -Outras Despesas de Capital</t>
  </si>
  <si>
    <t>CONTROLE DA DISPONIBILIDADE FINANCEIRA E CONCILIAÇÃO BANCÁRIA</t>
  </si>
  <si>
    <t>FUNDEB (ae)</t>
  </si>
  <si>
    <t>Salário Educação (af)</t>
  </si>
  <si>
    <t xml:space="preserve">   51- DISPONIBILIDADE FINANCEIRA EM 31 DE DEZEMBRO DE 2020</t>
  </si>
  <si>
    <t xml:space="preserve">   52- (+) INGRESSO DE RECURSOS ATÉ O BIMESTRE (orçamentário)</t>
  </si>
  <si>
    <t xml:space="preserve">   53- (-) PAGAMENTOS EFETUADOS ATÉ O BIMESTRE (orçamentário e restos a pagar)</t>
  </si>
  <si>
    <t>54- (=) DISPONIBILIDADE FINANCEIRA ATÉ O BIMESTRE</t>
  </si>
  <si>
    <t>55- (+) AJUSTES POSITIVOS ( RETENÇÕES E OUTROS VALORES EXTRAORÇAMENTÁRIOS)</t>
  </si>
  <si>
    <t>56- (-) AJUSTES NEGATIVOS (OUTROS VALORES EXTRAORÇAMENTÁRIOS)</t>
  </si>
  <si>
    <t>57- (=) SALDO FINANCEIRO CONCILIADO (Saldo Bancário)</t>
  </si>
  <si>
    <t>DEMONSTRATIVO DA DESPESA COM MANUTENÇÃO E DESENVOLVIMENTO DO ENSINO – MDE EXECUTADA EM CONSÓRCIO PÚBLICO</t>
  </si>
  <si>
    <t>RREO - Anexo 8.1 (Portaria STN nº 72/2012, art. 11, II, b)</t>
  </si>
  <si>
    <t>DESPESAS COM EDUCAÇÃO EXECUTADAS EM CONSÓRCIO PÚBLICO</t>
  </si>
  <si>
    <t>Valores Transferidos por Contrato de Rateio (a)</t>
  </si>
  <si>
    <t>Despesas Empenhadas Até o Bimestre (b)</t>
  </si>
  <si>
    <t>Despesas Liquidadas até o Bimestre (c)</t>
  </si>
  <si>
    <t>Despesas Pagas Até o Bimestre (d)</t>
  </si>
  <si>
    <t>Inscritas em Restos a Pagar Não Processados (e)</t>
  </si>
  <si>
    <t>EDUCAÇÃO INFANTIL (I)</t>
  </si>
  <si>
    <t xml:space="preserve">       Despesas com MDE Custeadas com Recursos do FUNDEB - Impostos e Transferências de Impostos</t>
  </si>
  <si>
    <t xml:space="preserve">       Despesas com MDE Custeadas com Recursos do FUNDEB - Complementação da União - VAAF</t>
  </si>
  <si>
    <t xml:space="preserve">       Despesas com MDE Custeadas com Recursos do FUNDEB - Complementação da União - VAAT</t>
  </si>
  <si>
    <t xml:space="preserve">       Despesas com MDE Custeadas com Outros Receitas de Impostos</t>
  </si>
  <si>
    <t xml:space="preserve">       Despesas com MDE Custeadas com outros Recursos destinados à Educação</t>
  </si>
  <si>
    <t>ENSINO FUNDAMENTAL (II)</t>
  </si>
  <si>
    <t xml:space="preserve">       Despesas Custeadas com outros Recursos destinados à Educação</t>
  </si>
  <si>
    <t>ENSINO MÉDIO (III)</t>
  </si>
  <si>
    <t>ENSINO SUPERIOR (IV)</t>
  </si>
  <si>
    <t>ENSINO PROFISSIONAL NÃO INTEGRADO AO ENSINO REGULAR (V)</t>
  </si>
  <si>
    <t>TOTAL DAS DESPESAS COM EDUCAÇÃO VII = (I + II + III + IV + V)</t>
  </si>
  <si>
    <t>DEMONSTRATIVO DAS RECEITAS DE OPERAÇÕES DE CRÉDITO E DESPESAS DE CAPITAL (REGRA DE OURO)</t>
  </si>
  <si>
    <t>RREO - Anexo 9 (LRF, art.53, § 1º, inciso I)</t>
  </si>
  <si>
    <t>Receitas Realizadas (b)</t>
  </si>
  <si>
    <t>Saldo Não Realizado c = (a - b)</t>
  </si>
  <si>
    <t>RECEITAS DE OPERAÇÕES DE CRÉDITO¹ (I)</t>
  </si>
  <si>
    <t>Dotação Atualizada (d)</t>
  </si>
  <si>
    <t>Despesas Empenhadas (e)</t>
  </si>
  <si>
    <t>Saldo Não Executado f = (d - e)</t>
  </si>
  <si>
    <t xml:space="preserve">   Investimentos</t>
  </si>
  <si>
    <t xml:space="preserve">   Inversões Financeiras</t>
  </si>
  <si>
    <t xml:space="preserve">   Amortização da Dívida</t>
  </si>
  <si>
    <t>(-) Incentivos Fiscais a Contribuinte</t>
  </si>
  <si>
    <t>(-) Incentivos Fiscais a Contribuinte por Instituições Financeiras</t>
  </si>
  <si>
    <t>DESPESA DE CAPITAL LÍQUIDA (II)</t>
  </si>
  <si>
    <t>DESCRIÇÃO</t>
  </si>
  <si>
    <t>(d-a)</t>
  </si>
  <si>
    <t>(e-b)</t>
  </si>
  <si>
    <t>(f-c)</t>
  </si>
  <si>
    <t>RESULTADO PARA APURAÇÃO DA REGRA DE OURO (III) = (II - I)</t>
  </si>
  <si>
    <t>DEMONSTRATIVO DA PROJEÇÃO ATUARIAL DO REGIME PRÓPRIO DE PREVIDÊNCIA DOS SERVIDORES</t>
  </si>
  <si>
    <t>RREO - Anexo 10 (LRF, art. 53, § 1º, inciso II)</t>
  </si>
  <si>
    <t>EXERCÍCIO</t>
  </si>
  <si>
    <t>Receitas Previdenciárias (a)</t>
  </si>
  <si>
    <t>Despesas Previdenciárias (b)</t>
  </si>
  <si>
    <t>Resultado Previdenciário (c)=(a-b)</t>
  </si>
  <si>
    <t>Saldo Financeiro do Exercício (d)=("d" exerc. anterior)+(c)</t>
  </si>
  <si>
    <t>2021</t>
  </si>
  <si>
    <t>2022</t>
  </si>
  <si>
    <t>2023</t>
  </si>
  <si>
    <t>2024</t>
  </si>
  <si>
    <t>2025</t>
  </si>
  <si>
    <t>2026</t>
  </si>
  <si>
    <t>2027</t>
  </si>
  <si>
    <t>2028</t>
  </si>
  <si>
    <t>2029</t>
  </si>
  <si>
    <t>2030</t>
  </si>
  <si>
    <t>2031</t>
  </si>
  <si>
    <t>2032</t>
  </si>
  <si>
    <t>2033</t>
  </si>
  <si>
    <t>2034</t>
  </si>
  <si>
    <t>2035</t>
  </si>
  <si>
    <t>2036</t>
  </si>
  <si>
    <t>2037</t>
  </si>
  <si>
    <t>2038</t>
  </si>
  <si>
    <t>2039</t>
  </si>
  <si>
    <t>2040</t>
  </si>
  <si>
    <t>2041</t>
  </si>
  <si>
    <t>2042</t>
  </si>
  <si>
    <t>2043</t>
  </si>
  <si>
    <t>2044</t>
  </si>
  <si>
    <t>2045</t>
  </si>
  <si>
    <t>2046</t>
  </si>
  <si>
    <t>2047</t>
  </si>
  <si>
    <t>2048</t>
  </si>
  <si>
    <t>2049</t>
  </si>
  <si>
    <t>2050</t>
  </si>
  <si>
    <t>2051</t>
  </si>
  <si>
    <t>2052</t>
  </si>
  <si>
    <t>2053</t>
  </si>
  <si>
    <t>2054</t>
  </si>
  <si>
    <t>2055</t>
  </si>
  <si>
    <t>2056</t>
  </si>
  <si>
    <t>2057</t>
  </si>
  <si>
    <t>2058</t>
  </si>
  <si>
    <t>2059</t>
  </si>
  <si>
    <t>2060</t>
  </si>
  <si>
    <t>2061</t>
  </si>
  <si>
    <t>2062</t>
  </si>
  <si>
    <t>2063</t>
  </si>
  <si>
    <t>2064</t>
  </si>
  <si>
    <t>2065</t>
  </si>
  <si>
    <t>2066</t>
  </si>
  <si>
    <t>2067</t>
  </si>
  <si>
    <t>2068</t>
  </si>
  <si>
    <t>2069</t>
  </si>
  <si>
    <t>2070</t>
  </si>
  <si>
    <t>2071</t>
  </si>
  <si>
    <t>2072</t>
  </si>
  <si>
    <t>2073</t>
  </si>
  <si>
    <t>2074</t>
  </si>
  <si>
    <t>2075</t>
  </si>
  <si>
    <t>2076</t>
  </si>
  <si>
    <t>2077</t>
  </si>
  <si>
    <t>2078</t>
  </si>
  <si>
    <t>2079</t>
  </si>
  <si>
    <t>2080</t>
  </si>
  <si>
    <t>2081</t>
  </si>
  <si>
    <t>2082</t>
  </si>
  <si>
    <t>2083</t>
  </si>
  <si>
    <t>2084</t>
  </si>
  <si>
    <t>2085</t>
  </si>
  <si>
    <t>2086</t>
  </si>
  <si>
    <t>2087</t>
  </si>
  <si>
    <t>2088</t>
  </si>
  <si>
    <t>2089</t>
  </si>
  <si>
    <t>2090</t>
  </si>
  <si>
    <t>2091</t>
  </si>
  <si>
    <t>2092</t>
  </si>
  <si>
    <t>2093</t>
  </si>
  <si>
    <t>2094</t>
  </si>
  <si>
    <t>2095</t>
  </si>
  <si>
    <t>DEMONSTRATIVO DAS RECEITAS DE ALIENAÇÃO DE ATIVOS E APLICAÇÃO DE RECURSOS</t>
  </si>
  <si>
    <t>RREO - Anexo 11 (LRF, art. 53, § 1º, inciso III)</t>
  </si>
  <si>
    <t>Saldo a Realizar (c)=(a-b)</t>
  </si>
  <si>
    <t>RECEITAS DE ALIENAÇÃO DE ATIVOS (I)</t>
  </si>
  <si>
    <t>Receita de Alienação de Bens Móveis</t>
  </si>
  <si>
    <t>Receita de Alienação de Bens Imóveis</t>
  </si>
  <si>
    <t>Receita de Alienação de Bens Intangíveis</t>
  </si>
  <si>
    <t>Receita de Rendimentos de Aplicações Financeiras</t>
  </si>
  <si>
    <t>Despesas Pagas (f)</t>
  </si>
  <si>
    <t>Despesas Inscritas Em Restos a Pagar Não Processados</t>
  </si>
  <si>
    <t>Pagamento de Restos a Pagar (g)</t>
  </si>
  <si>
    <t>Saldo a Pagar (h) = (d-e)</t>
  </si>
  <si>
    <t>APLICAÇÃO DOS RECURSOS DA ALIENAÇÃO DE ATIVOS (II)</t>
  </si>
  <si>
    <t>Despesas de Capital</t>
  </si>
  <si>
    <t>Despesas Correntes dos Regimes de Previdência</t>
  </si>
  <si>
    <t xml:space="preserve">   Regime Próprio de Previdência dos Servidores</t>
  </si>
  <si>
    <t>SALDO FINANCEIRO A APLICAR</t>
  </si>
  <si>
    <t>Exercício Anterior (i)</t>
  </si>
  <si>
    <t>Do Exercício (j) = (Ib) - (IIf+IIg)</t>
  </si>
  <si>
    <t>Saldo Atual (k) = (IIIi+IIIj)</t>
  </si>
  <si>
    <t>VALOR (III)</t>
  </si>
  <si>
    <t>DEMONSTRATIVO DAS RECEITAS E DESPESAS COM AÇÕES E SERVIÇOS PÚBLICOS DE SAÚDE</t>
  </si>
  <si>
    <t>RREO - Anexo 12 (LC n° 141/2012 art.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 xml:space="preserve"> %  (d / c) x 100  </t>
  </si>
  <si>
    <t xml:space="preserve">Até o Bimestre (e) </t>
  </si>
  <si>
    <t xml:space="preserve"> %  (e / c) x 100  </t>
  </si>
  <si>
    <t>Despesas Pagas</t>
  </si>
  <si>
    <t xml:space="preserve"> %  (f / c) x 100  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1 (saldo final = XXd)</t>
  </si>
  <si>
    <t>Diferença de limite não cumprido em 2020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II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1 (regra nova)</t>
  </si>
  <si>
    <t>Empenhos de 2020 (regra nova)</t>
  </si>
  <si>
    <t>Empenhos de 2019 (regra nova)</t>
  </si>
  <si>
    <t>Empenhos de 2018</t>
  </si>
  <si>
    <t>Empenhos de 2017 e Anteriores</t>
  </si>
  <si>
    <t>UTILIZA DO ANTERI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1 a serem compensados (XXV) (saldo inicial = XXIV)</t>
  </si>
  <si>
    <t xml:space="preserve"> Restos a pagar cancelados ou prescritos em 2020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%  (e / c) x 100</t>
  </si>
  <si>
    <t>%  (f / c) x 100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DESPESAS COM SAÚDE - ENTE CONSORCIADO</t>
  </si>
  <si>
    <t>RREO - Anexo 12.1 (LC nº 141/2012, art. 35 e Portaria STN nº 72/2012, Art. 11, II, b.)</t>
  </si>
  <si>
    <t>DESPESAS COM AÇÕES E SERVIÇOS PÚBLICOS DE SAÚDE (ASPS) –  POR SUBFUNÇÃO E CATEGORIA ECONÔMICA EXECUTADAS EM CONSÓRCIO PÚBLICO</t>
  </si>
  <si>
    <t>% (c/a) x 100</t>
  </si>
  <si>
    <t>% (d/a) x 100</t>
  </si>
  <si>
    <t>Inscritas em Restos a Pagar Não Processados</t>
  </si>
  <si>
    <t>ATENÇÃO BÁSICA  (I)</t>
  </si>
  <si>
    <t xml:space="preserve">   Despesas Correntes</t>
  </si>
  <si>
    <t xml:space="preserve">   Despesas de Capital</t>
  </si>
  <si>
    <t>ASSISTÊNCIA HOSPITALAR E AMBULATORIAL  (II)</t>
  </si>
  <si>
    <t xml:space="preserve">   Despesas de Capital </t>
  </si>
  <si>
    <t>SUPORTE PROFILÁTICO E TERAPÊUTICO  (III)</t>
  </si>
  <si>
    <t>VIGILÂNCIA SANITÁRIA  (IV)</t>
  </si>
  <si>
    <t>VIGILÂNCIA EPIDEMIOLÓGICA  (V)</t>
  </si>
  <si>
    <t>ALIMENTAÇÃO E NUTRIÇÃO   (VI)</t>
  </si>
  <si>
    <t xml:space="preserve">   Despesas Correntes </t>
  </si>
  <si>
    <t>OUTRAS SUBFUNÇÕES (VII)</t>
  </si>
  <si>
    <t>TOTAL DAS DESPESAS COM ASPS EXECUTADAS EM CONSÓRCIO PÚBLICO (VIII) = (I + II + III + IV + V + VI + VII)</t>
  </si>
  <si>
    <t>DEDUÇÕES DA DESPESA COM ASPS</t>
  </si>
  <si>
    <t>Restos a Pagar Não Processados Inscritos Indevidamente no Exercício sem Disponibilidade Financeira (IX)</t>
  </si>
  <si>
    <t>Despesas Custeadas com Recursos Vinculados à Parcela do Percentual Mínimo que não foi Aplicada em ASPS em Exercícios Anteriores (X)</t>
  </si>
  <si>
    <t>Despesas Custeadas com Disponibilidade de Caixa Vinculada aos Restos a Pagar Cancelados (XI)</t>
  </si>
  <si>
    <t>VALOR APLICADO EM ASPS (XII) = (VIII - IX - X - XI)</t>
  </si>
  <si>
    <t>DEMONSTRATIVO DAS PARCERIAS PÚBLICO-PRIVADAS</t>
  </si>
  <si>
    <t>RREO - Anexo 13 (Lei nº 11.079, de 30.12.2004, arts. 22, 25 e 28)</t>
  </si>
  <si>
    <t>IMPACTOS DAS CONTRATAÇÕES DE PPP</t>
  </si>
  <si>
    <t>SALDO TOTAL EM 31 DE DEZEMBRO DO EXERCÍCIO ANTERIOR</t>
  </si>
  <si>
    <t>REGISTROS EFETUADOS EM 2021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Ano 2030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>RREO - Anexo 14 (LRF, art. 48)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Fundo em Capitalização (PLANO PREVIDENCIÁRIO)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Fundo em Repartição (PLANO FINANCEIRO)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70% do FUNDEB na Remuneração dos Profissionais da Educação Básica;</t>
  </si>
  <si>
    <t>Percentual de 50% da Complementação da União ao FUNDEB (VAAT) na Educação Infantil;</t>
  </si>
  <si>
    <t>Mínimo de 15% da Complementação da União ao FUNDEB (VAAT) em Despesas de Capital.</t>
  </si>
  <si>
    <t>RECEITAS DE OPERAÇÕES DE CRÉDITO E DESPESAS DE CAPITAL</t>
  </si>
  <si>
    <t>Valor Apurado No Exercício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98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20.28515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  <col min="12" max="12" width="17.28515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2" x14ac:dyDescent="0.25">
      <c r="A12" s="3" t="s">
        <v>17</v>
      </c>
      <c r="B12" s="5" t="s">
        <v>18</v>
      </c>
      <c r="C12" s="11">
        <v>15441546800</v>
      </c>
      <c r="D12" s="11">
        <v>17512341363</v>
      </c>
      <c r="E12" s="11">
        <v>3509819005.6100001</v>
      </c>
      <c r="F12" s="11">
        <v>20.04</v>
      </c>
      <c r="G12" s="11">
        <v>17678304506.970001</v>
      </c>
      <c r="H12" s="11">
        <v>100.95</v>
      </c>
      <c r="I12" s="11">
        <v>-165963143.97</v>
      </c>
    </row>
    <row r="13" spans="1:12" x14ac:dyDescent="0.25">
      <c r="A13" s="3" t="s">
        <v>19</v>
      </c>
      <c r="B13" s="5" t="s">
        <v>20</v>
      </c>
      <c r="C13" s="11">
        <v>14142346300</v>
      </c>
      <c r="D13" s="11">
        <v>16016239790</v>
      </c>
      <c r="E13" s="11">
        <v>3343549689.3099999</v>
      </c>
      <c r="F13" s="11">
        <v>20.88</v>
      </c>
      <c r="G13" s="11">
        <v>17309396002.68</v>
      </c>
      <c r="H13" s="11">
        <v>108.07</v>
      </c>
      <c r="I13" s="11">
        <v>-1293156212.6800001</v>
      </c>
    </row>
    <row r="14" spans="1:12" x14ac:dyDescent="0.25">
      <c r="A14" s="3" t="s">
        <v>21</v>
      </c>
      <c r="B14" s="5" t="s">
        <v>22</v>
      </c>
      <c r="C14" s="11">
        <v>7750745900</v>
      </c>
      <c r="D14" s="11">
        <v>8634483148</v>
      </c>
      <c r="E14" s="11">
        <v>1795564086.5899999</v>
      </c>
      <c r="F14" s="11">
        <v>20.8</v>
      </c>
      <c r="G14" s="11">
        <v>9745752448.9200001</v>
      </c>
      <c r="H14" s="11">
        <v>112.87</v>
      </c>
      <c r="I14" s="11">
        <v>-1111269300.9200001</v>
      </c>
    </row>
    <row r="15" spans="1:12" x14ac:dyDescent="0.25">
      <c r="A15" s="2" t="s">
        <v>23</v>
      </c>
      <c r="B15" s="4" t="s">
        <v>24</v>
      </c>
      <c r="C15" s="12">
        <v>7480536900</v>
      </c>
      <c r="D15" s="12">
        <v>8336142148</v>
      </c>
      <c r="E15" s="12">
        <v>1741204253.1700001</v>
      </c>
      <c r="F15" s="12">
        <v>20.89</v>
      </c>
      <c r="G15" s="12">
        <v>9406907004.1499996</v>
      </c>
      <c r="H15" s="12">
        <v>112.84</v>
      </c>
      <c r="I15" s="12">
        <v>-1070764856.15</v>
      </c>
    </row>
    <row r="16" spans="1:12" x14ac:dyDescent="0.25">
      <c r="A16" s="2" t="s">
        <v>25</v>
      </c>
      <c r="B16" s="4" t="s">
        <v>26</v>
      </c>
      <c r="C16" s="12">
        <v>270209000</v>
      </c>
      <c r="D16" s="12">
        <v>298341000</v>
      </c>
      <c r="E16" s="12">
        <v>54359833.420000002</v>
      </c>
      <c r="F16" s="12">
        <v>18.22</v>
      </c>
      <c r="G16" s="12">
        <v>338845444.76999998</v>
      </c>
      <c r="H16" s="12">
        <v>113.58</v>
      </c>
      <c r="I16" s="12">
        <v>-40504444.770000003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30</v>
      </c>
      <c r="C18" s="11">
        <v>770355100</v>
      </c>
      <c r="D18" s="11">
        <v>1129345100</v>
      </c>
      <c r="E18" s="11">
        <v>259812716.84999999</v>
      </c>
      <c r="F18" s="11">
        <v>23.01</v>
      </c>
      <c r="G18" s="11">
        <v>984388945.75</v>
      </c>
      <c r="H18" s="11">
        <v>87.16</v>
      </c>
      <c r="I18" s="11">
        <v>144956154.25</v>
      </c>
    </row>
    <row r="19" spans="1:9" x14ac:dyDescent="0.25">
      <c r="A19" s="2" t="s">
        <v>31</v>
      </c>
      <c r="B19" s="4" t="s">
        <v>32</v>
      </c>
      <c r="C19" s="12">
        <v>770355100</v>
      </c>
      <c r="D19" s="12">
        <v>1129345100</v>
      </c>
      <c r="E19" s="12">
        <v>259812716.84999999</v>
      </c>
      <c r="F19" s="12">
        <v>23.01</v>
      </c>
      <c r="G19" s="12">
        <v>984388945.75</v>
      </c>
      <c r="H19" s="12">
        <v>87.16</v>
      </c>
      <c r="I19" s="12">
        <v>144956154.25</v>
      </c>
    </row>
    <row r="20" spans="1:9" x14ac:dyDescent="0.25">
      <c r="A20" s="2" t="s">
        <v>33</v>
      </c>
      <c r="B20" s="4" t="s">
        <v>3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5</v>
      </c>
      <c r="B21" s="4" t="s">
        <v>36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7</v>
      </c>
      <c r="B22" s="4" t="s">
        <v>3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9</v>
      </c>
      <c r="B23" s="5" t="s">
        <v>40</v>
      </c>
      <c r="C23" s="11">
        <v>110812700</v>
      </c>
      <c r="D23" s="11">
        <v>275972700</v>
      </c>
      <c r="E23" s="11">
        <v>102441278.09</v>
      </c>
      <c r="F23" s="11">
        <v>37.119999999999997</v>
      </c>
      <c r="G23" s="11">
        <v>281203274.85000002</v>
      </c>
      <c r="H23" s="11">
        <v>101.9</v>
      </c>
      <c r="I23" s="11">
        <v>-5230574.8499999996</v>
      </c>
    </row>
    <row r="24" spans="1:9" x14ac:dyDescent="0.25">
      <c r="A24" s="2" t="s">
        <v>41</v>
      </c>
      <c r="B24" s="4" t="s">
        <v>42</v>
      </c>
      <c r="C24" s="12">
        <v>1676900</v>
      </c>
      <c r="D24" s="12">
        <v>1676900</v>
      </c>
      <c r="E24" s="12">
        <v>153664</v>
      </c>
      <c r="F24" s="12">
        <v>9.16</v>
      </c>
      <c r="G24" s="12">
        <v>957330.99</v>
      </c>
      <c r="H24" s="12">
        <v>57.09</v>
      </c>
      <c r="I24" s="12">
        <v>719569.01</v>
      </c>
    </row>
    <row r="25" spans="1:9" x14ac:dyDescent="0.25">
      <c r="A25" s="2" t="s">
        <v>43</v>
      </c>
      <c r="B25" s="4" t="s">
        <v>44</v>
      </c>
      <c r="C25" s="12">
        <v>71335900</v>
      </c>
      <c r="D25" s="12">
        <v>236495900</v>
      </c>
      <c r="E25" s="12">
        <v>78545972.109999999</v>
      </c>
      <c r="F25" s="12">
        <v>33.21</v>
      </c>
      <c r="G25" s="12">
        <v>186772141.77000001</v>
      </c>
      <c r="H25" s="12">
        <v>78.97</v>
      </c>
      <c r="I25" s="12">
        <v>49723758.229999997</v>
      </c>
    </row>
    <row r="26" spans="1:9" x14ac:dyDescent="0.25">
      <c r="A26" s="2" t="s">
        <v>45</v>
      </c>
      <c r="B26" s="4" t="s">
        <v>46</v>
      </c>
      <c r="C26" s="12">
        <v>2661000</v>
      </c>
      <c r="D26" s="12">
        <v>2661000</v>
      </c>
      <c r="E26" s="12">
        <v>769105.02</v>
      </c>
      <c r="F26" s="12">
        <v>28.9</v>
      </c>
      <c r="G26" s="12">
        <v>3720801.68</v>
      </c>
      <c r="H26" s="12">
        <v>139.83000000000001</v>
      </c>
      <c r="I26" s="12">
        <v>-1059801.68</v>
      </c>
    </row>
    <row r="27" spans="1:9" x14ac:dyDescent="0.25">
      <c r="A27" s="2" t="s">
        <v>47</v>
      </c>
      <c r="B27" s="4" t="s">
        <v>48</v>
      </c>
      <c r="C27" s="12">
        <v>29138900</v>
      </c>
      <c r="D27" s="12">
        <v>29138900</v>
      </c>
      <c r="E27" s="12">
        <v>10528177.789999999</v>
      </c>
      <c r="F27" s="12">
        <v>36.130000000000003</v>
      </c>
      <c r="G27" s="12">
        <v>48220577.990000002</v>
      </c>
      <c r="H27" s="12">
        <v>165.49</v>
      </c>
      <c r="I27" s="12">
        <v>-19081677.989999998</v>
      </c>
    </row>
    <row r="28" spans="1:9" x14ac:dyDescent="0.25">
      <c r="A28" s="2" t="s">
        <v>49</v>
      </c>
      <c r="B28" s="4" t="s">
        <v>5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52</v>
      </c>
      <c r="C29" s="12">
        <v>6000000</v>
      </c>
      <c r="D29" s="12">
        <v>6000000</v>
      </c>
      <c r="E29" s="12">
        <v>12444359.17</v>
      </c>
      <c r="F29" s="12">
        <v>207.41</v>
      </c>
      <c r="G29" s="12">
        <v>41532422.420000002</v>
      </c>
      <c r="H29" s="12">
        <v>692.21</v>
      </c>
      <c r="I29" s="12">
        <v>-35532422.420000002</v>
      </c>
    </row>
    <row r="30" spans="1:9" x14ac:dyDescent="0.25">
      <c r="A30" s="2" t="s">
        <v>53</v>
      </c>
      <c r="B30" s="4" t="s">
        <v>54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5</v>
      </c>
      <c r="B31" s="4" t="s">
        <v>5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5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60</v>
      </c>
      <c r="C33" s="11">
        <v>876522000</v>
      </c>
      <c r="D33" s="11">
        <v>906011278</v>
      </c>
      <c r="E33" s="11">
        <v>156048926.38</v>
      </c>
      <c r="F33" s="11">
        <v>17.22</v>
      </c>
      <c r="G33" s="11">
        <v>834992092.15999997</v>
      </c>
      <c r="H33" s="11">
        <v>92.16</v>
      </c>
      <c r="I33" s="11">
        <v>71019185.840000004</v>
      </c>
    </row>
    <row r="34" spans="1:9" x14ac:dyDescent="0.25">
      <c r="A34" s="2" t="s">
        <v>61</v>
      </c>
      <c r="B34" s="4" t="s">
        <v>62</v>
      </c>
      <c r="C34" s="12">
        <v>798357400</v>
      </c>
      <c r="D34" s="12">
        <v>827846678</v>
      </c>
      <c r="E34" s="12">
        <v>136584196.24000001</v>
      </c>
      <c r="F34" s="12">
        <v>16.5</v>
      </c>
      <c r="G34" s="12">
        <v>746478539.50999999</v>
      </c>
      <c r="H34" s="12">
        <v>90.17</v>
      </c>
      <c r="I34" s="12">
        <v>81368138.489999995</v>
      </c>
    </row>
    <row r="35" spans="1:9" x14ac:dyDescent="0.25">
      <c r="A35" s="2" t="s">
        <v>63</v>
      </c>
      <c r="B35" s="4" t="s">
        <v>64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</row>
    <row r="36" spans="1:9" x14ac:dyDescent="0.25">
      <c r="A36" s="2" t="s">
        <v>65</v>
      </c>
      <c r="B36" s="4" t="s">
        <v>66</v>
      </c>
      <c r="C36" s="12">
        <v>68845800</v>
      </c>
      <c r="D36" s="12">
        <v>68845800</v>
      </c>
      <c r="E36" s="12">
        <v>17948417.530000001</v>
      </c>
      <c r="F36" s="12">
        <v>26.07</v>
      </c>
      <c r="G36" s="12">
        <v>76022286.439999998</v>
      </c>
      <c r="H36" s="12">
        <v>110.42</v>
      </c>
      <c r="I36" s="12">
        <v>-7176486.4400000004</v>
      </c>
    </row>
    <row r="37" spans="1:9" x14ac:dyDescent="0.25">
      <c r="A37" s="2" t="s">
        <v>67</v>
      </c>
      <c r="B37" s="4" t="s">
        <v>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9</v>
      </c>
      <c r="B38" s="4" t="s">
        <v>70</v>
      </c>
      <c r="C38" s="12">
        <v>9318800</v>
      </c>
      <c r="D38" s="12">
        <v>9318800</v>
      </c>
      <c r="E38" s="12">
        <v>1516312.61</v>
      </c>
      <c r="F38" s="12">
        <v>16.27</v>
      </c>
      <c r="G38" s="12">
        <v>12491266.210000001</v>
      </c>
      <c r="H38" s="12">
        <v>134.04</v>
      </c>
      <c r="I38" s="12">
        <v>-3172466.21</v>
      </c>
    </row>
    <row r="39" spans="1:9" x14ac:dyDescent="0.25">
      <c r="A39" s="3" t="s">
        <v>71</v>
      </c>
      <c r="B39" s="5" t="s">
        <v>72</v>
      </c>
      <c r="C39" s="11">
        <v>4554115700</v>
      </c>
      <c r="D39" s="11">
        <v>4990108664</v>
      </c>
      <c r="E39" s="11">
        <v>973826273.97000003</v>
      </c>
      <c r="F39" s="11">
        <v>19.52</v>
      </c>
      <c r="G39" s="11">
        <v>5307341139.1300001</v>
      </c>
      <c r="H39" s="11">
        <v>106.36</v>
      </c>
      <c r="I39" s="11">
        <v>-317232475.13</v>
      </c>
    </row>
    <row r="40" spans="1:9" x14ac:dyDescent="0.25">
      <c r="A40" s="2" t="s">
        <v>73</v>
      </c>
      <c r="B40" s="4" t="s">
        <v>74</v>
      </c>
      <c r="C40" s="12">
        <v>1710671000</v>
      </c>
      <c r="D40" s="12">
        <v>1712515064</v>
      </c>
      <c r="E40" s="12">
        <v>362994527.68000001</v>
      </c>
      <c r="F40" s="12">
        <v>21.2</v>
      </c>
      <c r="G40" s="12">
        <v>1890058610.6199999</v>
      </c>
      <c r="H40" s="12">
        <v>110.37</v>
      </c>
      <c r="I40" s="12">
        <v>-177543546.62</v>
      </c>
    </row>
    <row r="41" spans="1:9" x14ac:dyDescent="0.25">
      <c r="A41" s="2" t="s">
        <v>75</v>
      </c>
      <c r="B41" s="4" t="s">
        <v>76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7</v>
      </c>
      <c r="B42" s="4" t="s">
        <v>78</v>
      </c>
      <c r="C42" s="12">
        <v>221400</v>
      </c>
      <c r="D42" s="12">
        <v>221400</v>
      </c>
      <c r="E42" s="12">
        <v>703614.02</v>
      </c>
      <c r="F42" s="12">
        <v>317.8</v>
      </c>
      <c r="G42" s="12">
        <v>2798359.69</v>
      </c>
      <c r="H42" s="12">
        <v>1263.94</v>
      </c>
      <c r="I42" s="12">
        <v>-2576959.69</v>
      </c>
    </row>
    <row r="43" spans="1:9" x14ac:dyDescent="0.25">
      <c r="A43" s="2" t="s">
        <v>79</v>
      </c>
      <c r="B43" s="4" t="s">
        <v>80</v>
      </c>
      <c r="C43" s="12">
        <v>1633598900</v>
      </c>
      <c r="D43" s="12">
        <v>1886427800</v>
      </c>
      <c r="E43" s="12">
        <v>349851623.19</v>
      </c>
      <c r="F43" s="12">
        <v>18.55</v>
      </c>
      <c r="G43" s="12">
        <v>2026413099.71</v>
      </c>
      <c r="H43" s="12">
        <v>107.42</v>
      </c>
      <c r="I43" s="12">
        <v>-139985299.71000001</v>
      </c>
    </row>
    <row r="44" spans="1:9" x14ac:dyDescent="0.25">
      <c r="A44" s="2" t="s">
        <v>81</v>
      </c>
      <c r="B44" s="4" t="s">
        <v>82</v>
      </c>
      <c r="C44" s="12">
        <v>1205818000</v>
      </c>
      <c r="D44" s="12">
        <v>1387138000</v>
      </c>
      <c r="E44" s="12">
        <v>260269950.08000001</v>
      </c>
      <c r="F44" s="12">
        <v>18.760000000000002</v>
      </c>
      <c r="G44" s="12">
        <v>1388042515.1099999</v>
      </c>
      <c r="H44" s="12">
        <v>100.07</v>
      </c>
      <c r="I44" s="12">
        <v>-904515.11</v>
      </c>
    </row>
    <row r="45" spans="1:9" x14ac:dyDescent="0.25">
      <c r="A45" s="2" t="s">
        <v>83</v>
      </c>
      <c r="B45" s="4" t="s">
        <v>84</v>
      </c>
      <c r="C45" s="12">
        <v>1331000</v>
      </c>
      <c r="D45" s="12">
        <v>1331000</v>
      </c>
      <c r="E45" s="12">
        <v>0</v>
      </c>
      <c r="F45" s="12">
        <v>0</v>
      </c>
      <c r="G45" s="12">
        <v>0</v>
      </c>
      <c r="H45" s="12">
        <v>0</v>
      </c>
      <c r="I45" s="12">
        <v>1331000</v>
      </c>
    </row>
    <row r="46" spans="1:9" x14ac:dyDescent="0.25">
      <c r="A46" s="2" t="s">
        <v>85</v>
      </c>
      <c r="B46" s="4" t="s">
        <v>86</v>
      </c>
      <c r="C46" s="12">
        <v>2475400</v>
      </c>
      <c r="D46" s="12">
        <v>2475400</v>
      </c>
      <c r="E46" s="12">
        <v>6559</v>
      </c>
      <c r="F46" s="12">
        <v>0.26</v>
      </c>
      <c r="G46" s="12">
        <v>28554</v>
      </c>
      <c r="H46" s="12">
        <v>1.1499999999999999</v>
      </c>
      <c r="I46" s="12">
        <v>2446846</v>
      </c>
    </row>
    <row r="47" spans="1:9" x14ac:dyDescent="0.25">
      <c r="A47" s="2" t="s">
        <v>87</v>
      </c>
      <c r="B47" s="4" t="s">
        <v>88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89</v>
      </c>
      <c r="B48" s="5" t="s">
        <v>90</v>
      </c>
      <c r="C48" s="11">
        <v>79794900</v>
      </c>
      <c r="D48" s="11">
        <v>80318900</v>
      </c>
      <c r="E48" s="11">
        <v>55856407.43</v>
      </c>
      <c r="F48" s="11">
        <v>69.540000000000006</v>
      </c>
      <c r="G48" s="11">
        <v>155718101.87</v>
      </c>
      <c r="H48" s="11">
        <v>193.87</v>
      </c>
      <c r="I48" s="11">
        <v>-75399201.870000005</v>
      </c>
    </row>
    <row r="49" spans="1:9" x14ac:dyDescent="0.25">
      <c r="A49" s="2" t="s">
        <v>91</v>
      </c>
      <c r="B49" s="4" t="s">
        <v>92</v>
      </c>
      <c r="C49" s="12">
        <v>49919500</v>
      </c>
      <c r="D49" s="12">
        <v>49919500</v>
      </c>
      <c r="E49" s="12">
        <v>7877967.9000000004</v>
      </c>
      <c r="F49" s="12">
        <v>15.78</v>
      </c>
      <c r="G49" s="12">
        <v>38181865.979999997</v>
      </c>
      <c r="H49" s="12">
        <v>76.489999999999995</v>
      </c>
      <c r="I49" s="12">
        <v>11737634.02</v>
      </c>
    </row>
    <row r="50" spans="1:9" x14ac:dyDescent="0.25">
      <c r="A50" s="2" t="s">
        <v>93</v>
      </c>
      <c r="B50" s="4" t="s">
        <v>94</v>
      </c>
      <c r="C50" s="12">
        <v>17034300</v>
      </c>
      <c r="D50" s="12">
        <v>17068300</v>
      </c>
      <c r="E50" s="12">
        <v>8382007.1500000004</v>
      </c>
      <c r="F50" s="12">
        <v>49.11</v>
      </c>
      <c r="G50" s="12">
        <v>59767771.25</v>
      </c>
      <c r="H50" s="12">
        <v>350.17</v>
      </c>
      <c r="I50" s="12">
        <v>-42699471.25</v>
      </c>
    </row>
    <row r="51" spans="1:9" x14ac:dyDescent="0.25">
      <c r="A51" s="2" t="s">
        <v>95</v>
      </c>
      <c r="B51" s="4" t="s">
        <v>96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7</v>
      </c>
      <c r="B52" s="4" t="s">
        <v>98</v>
      </c>
      <c r="C52" s="12">
        <v>12841100</v>
      </c>
      <c r="D52" s="12">
        <v>13331100</v>
      </c>
      <c r="E52" s="12">
        <v>39596432.380000003</v>
      </c>
      <c r="F52" s="12">
        <v>297.02</v>
      </c>
      <c r="G52" s="12">
        <v>57768464.640000001</v>
      </c>
      <c r="H52" s="12">
        <v>433.34</v>
      </c>
      <c r="I52" s="12">
        <v>-44437364.640000001</v>
      </c>
    </row>
    <row r="53" spans="1:9" x14ac:dyDescent="0.25">
      <c r="A53" s="3" t="s">
        <v>99</v>
      </c>
      <c r="B53" s="5" t="s">
        <v>100</v>
      </c>
      <c r="C53" s="11">
        <v>1299200500</v>
      </c>
      <c r="D53" s="11">
        <v>1496101573</v>
      </c>
      <c r="E53" s="11">
        <v>166269316.30000001</v>
      </c>
      <c r="F53" s="11">
        <v>11.11</v>
      </c>
      <c r="G53" s="11">
        <v>368908504.29000002</v>
      </c>
      <c r="H53" s="11">
        <v>24.66</v>
      </c>
      <c r="I53" s="11">
        <v>1127193068.71</v>
      </c>
    </row>
    <row r="54" spans="1:9" x14ac:dyDescent="0.25">
      <c r="A54" s="3" t="s">
        <v>101</v>
      </c>
      <c r="B54" s="5" t="s">
        <v>102</v>
      </c>
      <c r="C54" s="11">
        <v>24511000</v>
      </c>
      <c r="D54" s="11">
        <v>153849300</v>
      </c>
      <c r="E54" s="11">
        <v>0</v>
      </c>
      <c r="F54" s="11">
        <v>0</v>
      </c>
      <c r="G54" s="11">
        <v>89394959.689999998</v>
      </c>
      <c r="H54" s="11">
        <v>58.11</v>
      </c>
      <c r="I54" s="11">
        <v>64454340.310000002</v>
      </c>
    </row>
    <row r="55" spans="1:9" x14ac:dyDescent="0.25">
      <c r="A55" s="2" t="s">
        <v>103</v>
      </c>
      <c r="B55" s="4" t="s">
        <v>104</v>
      </c>
      <c r="C55" s="12">
        <v>0</v>
      </c>
      <c r="D55" s="12">
        <v>100000000</v>
      </c>
      <c r="E55" s="12">
        <v>0</v>
      </c>
      <c r="F55" s="12">
        <v>0</v>
      </c>
      <c r="G55" s="12">
        <v>50000000</v>
      </c>
      <c r="H55" s="12">
        <v>50</v>
      </c>
      <c r="I55" s="12">
        <v>50000000</v>
      </c>
    </row>
    <row r="56" spans="1:9" x14ac:dyDescent="0.25">
      <c r="A56" s="2" t="s">
        <v>105</v>
      </c>
      <c r="B56" s="4" t="s">
        <v>106</v>
      </c>
      <c r="C56" s="12">
        <v>24511000</v>
      </c>
      <c r="D56" s="12">
        <v>53849300</v>
      </c>
      <c r="E56" s="12">
        <v>0</v>
      </c>
      <c r="F56" s="12">
        <v>0</v>
      </c>
      <c r="G56" s="12">
        <v>39394959.689999998</v>
      </c>
      <c r="H56" s="12">
        <v>73.16</v>
      </c>
      <c r="I56" s="12">
        <v>14454340.310000001</v>
      </c>
    </row>
    <row r="57" spans="1:9" x14ac:dyDescent="0.25">
      <c r="A57" s="3" t="s">
        <v>107</v>
      </c>
      <c r="B57" s="5" t="s">
        <v>108</v>
      </c>
      <c r="C57" s="11">
        <v>5395200</v>
      </c>
      <c r="D57" s="11">
        <v>5395200</v>
      </c>
      <c r="E57" s="11">
        <v>3274570.3</v>
      </c>
      <c r="F57" s="11">
        <v>60.69</v>
      </c>
      <c r="G57" s="11">
        <v>8424746.8499999996</v>
      </c>
      <c r="H57" s="11">
        <v>156.15</v>
      </c>
      <c r="I57" s="11">
        <v>-3029546.85</v>
      </c>
    </row>
    <row r="58" spans="1:9" x14ac:dyDescent="0.25">
      <c r="A58" s="2" t="s">
        <v>109</v>
      </c>
      <c r="B58" s="4" t="s">
        <v>110</v>
      </c>
      <c r="C58" s="12">
        <v>1266200</v>
      </c>
      <c r="D58" s="12">
        <v>1266200</v>
      </c>
      <c r="E58" s="12">
        <v>2975125</v>
      </c>
      <c r="F58" s="12">
        <v>234.96</v>
      </c>
      <c r="G58" s="12">
        <v>7154995</v>
      </c>
      <c r="H58" s="12">
        <v>565.08000000000004</v>
      </c>
      <c r="I58" s="12">
        <v>-5888795</v>
      </c>
    </row>
    <row r="59" spans="1:9" x14ac:dyDescent="0.25">
      <c r="A59" s="2" t="s">
        <v>111</v>
      </c>
      <c r="B59" s="4" t="s">
        <v>112</v>
      </c>
      <c r="C59" s="12">
        <v>4129000</v>
      </c>
      <c r="D59" s="12">
        <v>4129000</v>
      </c>
      <c r="E59" s="12">
        <v>299445.3</v>
      </c>
      <c r="F59" s="12">
        <v>7.25</v>
      </c>
      <c r="G59" s="12">
        <v>1269751.8500000001</v>
      </c>
      <c r="H59" s="12">
        <v>30.75</v>
      </c>
      <c r="I59" s="12">
        <v>2859248.15</v>
      </c>
    </row>
    <row r="60" spans="1:9" x14ac:dyDescent="0.25">
      <c r="A60" s="2" t="s">
        <v>113</v>
      </c>
      <c r="B60" s="4" t="s">
        <v>114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5</v>
      </c>
      <c r="B61" s="4" t="s">
        <v>116</v>
      </c>
      <c r="C61" s="12">
        <v>8150600</v>
      </c>
      <c r="D61" s="12">
        <v>8150600</v>
      </c>
      <c r="E61" s="12">
        <v>2276640.9</v>
      </c>
      <c r="F61" s="12">
        <v>27.93</v>
      </c>
      <c r="G61" s="12">
        <v>10844490.18</v>
      </c>
      <c r="H61" s="12">
        <v>133.05000000000001</v>
      </c>
      <c r="I61" s="12">
        <v>-2693890.18</v>
      </c>
    </row>
    <row r="62" spans="1:9" x14ac:dyDescent="0.25">
      <c r="A62" s="3" t="s">
        <v>117</v>
      </c>
      <c r="B62" s="5" t="s">
        <v>118</v>
      </c>
      <c r="C62" s="11">
        <v>613073700</v>
      </c>
      <c r="D62" s="11">
        <v>680636473</v>
      </c>
      <c r="E62" s="11">
        <v>160718105.09999999</v>
      </c>
      <c r="F62" s="11">
        <v>23.61</v>
      </c>
      <c r="G62" s="11">
        <v>260222726.31999999</v>
      </c>
      <c r="H62" s="11">
        <v>38.229999999999997</v>
      </c>
      <c r="I62" s="11">
        <v>420413746.68000001</v>
      </c>
    </row>
    <row r="63" spans="1:9" x14ac:dyDescent="0.25">
      <c r="A63" s="2" t="s">
        <v>119</v>
      </c>
      <c r="B63" s="4" t="s">
        <v>74</v>
      </c>
      <c r="C63" s="12">
        <v>611354000</v>
      </c>
      <c r="D63" s="12">
        <v>678916773</v>
      </c>
      <c r="E63" s="12">
        <v>155729232.52000001</v>
      </c>
      <c r="F63" s="12">
        <v>22.94</v>
      </c>
      <c r="G63" s="12">
        <v>253855828.68000001</v>
      </c>
      <c r="H63" s="12">
        <v>37.39</v>
      </c>
      <c r="I63" s="12">
        <v>425060944.31999999</v>
      </c>
    </row>
    <row r="64" spans="1:9" x14ac:dyDescent="0.25">
      <c r="A64" s="2" t="s">
        <v>120</v>
      </c>
      <c r="B64" s="4" t="s">
        <v>76</v>
      </c>
      <c r="C64" s="12">
        <v>638000</v>
      </c>
      <c r="D64" s="12">
        <v>638000</v>
      </c>
      <c r="E64" s="12">
        <v>4988872.58</v>
      </c>
      <c r="F64" s="12">
        <v>781.95</v>
      </c>
      <c r="G64" s="12">
        <v>6355997.6399999997</v>
      </c>
      <c r="H64" s="12">
        <v>996.24</v>
      </c>
      <c r="I64" s="12">
        <v>-5717997.6399999997</v>
      </c>
    </row>
    <row r="65" spans="1:9" x14ac:dyDescent="0.25">
      <c r="A65" s="2" t="s">
        <v>121</v>
      </c>
      <c r="B65" s="4" t="s">
        <v>78</v>
      </c>
      <c r="C65" s="12">
        <v>0</v>
      </c>
      <c r="D65" s="12">
        <v>0</v>
      </c>
      <c r="E65" s="12">
        <v>0</v>
      </c>
      <c r="F65" s="12">
        <v>0</v>
      </c>
      <c r="G65" s="12">
        <v>10900</v>
      </c>
      <c r="H65" s="12">
        <v>0</v>
      </c>
      <c r="I65" s="12">
        <v>-10900</v>
      </c>
    </row>
    <row r="66" spans="1:9" x14ac:dyDescent="0.25">
      <c r="A66" s="2" t="s">
        <v>122</v>
      </c>
      <c r="B66" s="4" t="s">
        <v>80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</row>
    <row r="67" spans="1:9" x14ac:dyDescent="0.25">
      <c r="A67" s="2" t="s">
        <v>123</v>
      </c>
      <c r="B67" s="4" t="s">
        <v>8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4</v>
      </c>
      <c r="B68" s="4" t="s">
        <v>84</v>
      </c>
      <c r="C68" s="12">
        <v>257000</v>
      </c>
      <c r="D68" s="12">
        <v>257000</v>
      </c>
      <c r="E68" s="12">
        <v>0</v>
      </c>
      <c r="F68" s="12">
        <v>0</v>
      </c>
      <c r="G68" s="12">
        <v>0</v>
      </c>
      <c r="H68" s="12">
        <v>0</v>
      </c>
      <c r="I68" s="12">
        <v>257000</v>
      </c>
    </row>
    <row r="69" spans="1:9" x14ac:dyDescent="0.25">
      <c r="A69" s="2" t="s">
        <v>125</v>
      </c>
      <c r="B69" s="4" t="s">
        <v>86</v>
      </c>
      <c r="C69" s="12">
        <v>824700</v>
      </c>
      <c r="D69" s="12">
        <v>824700</v>
      </c>
      <c r="E69" s="12">
        <v>0</v>
      </c>
      <c r="F69" s="12">
        <v>0</v>
      </c>
      <c r="G69" s="12">
        <v>0</v>
      </c>
      <c r="H69" s="12">
        <v>0</v>
      </c>
      <c r="I69" s="12">
        <v>824700</v>
      </c>
    </row>
    <row r="70" spans="1:9" x14ac:dyDescent="0.25">
      <c r="A70" s="2" t="s">
        <v>126</v>
      </c>
      <c r="B70" s="4" t="s">
        <v>88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7</v>
      </c>
      <c r="B71" s="5" t="s">
        <v>128</v>
      </c>
      <c r="C71" s="11">
        <v>648070000</v>
      </c>
      <c r="D71" s="11">
        <v>648070000</v>
      </c>
      <c r="E71" s="11">
        <v>0</v>
      </c>
      <c r="F71" s="11">
        <v>0</v>
      </c>
      <c r="G71" s="11">
        <v>21581.25</v>
      </c>
      <c r="H71" s="11">
        <v>0</v>
      </c>
      <c r="I71" s="11">
        <v>648048418.75</v>
      </c>
    </row>
    <row r="72" spans="1:9" x14ac:dyDescent="0.25">
      <c r="A72" s="2" t="s">
        <v>129</v>
      </c>
      <c r="B72" s="4" t="s">
        <v>130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1</v>
      </c>
      <c r="B73" s="4" t="s">
        <v>132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3</v>
      </c>
      <c r="B74" s="4" t="s">
        <v>134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5</v>
      </c>
      <c r="B75" s="4" t="s">
        <v>136</v>
      </c>
      <c r="C75" s="12">
        <v>648070000</v>
      </c>
      <c r="D75" s="12">
        <v>648070000</v>
      </c>
      <c r="E75" s="12">
        <v>0</v>
      </c>
      <c r="F75" s="12">
        <v>0</v>
      </c>
      <c r="G75" s="12">
        <v>21581.25</v>
      </c>
      <c r="H75" s="12">
        <v>0</v>
      </c>
      <c r="I75" s="12">
        <v>648048418.75</v>
      </c>
    </row>
    <row r="76" spans="1:9" x14ac:dyDescent="0.25">
      <c r="A76" s="2" t="s">
        <v>137</v>
      </c>
      <c r="B76" s="4" t="s">
        <v>138</v>
      </c>
      <c r="C76" s="12">
        <v>1382157700</v>
      </c>
      <c r="D76" s="12">
        <v>2073601700</v>
      </c>
      <c r="E76" s="12">
        <v>559965060.88999999</v>
      </c>
      <c r="F76" s="12">
        <v>27</v>
      </c>
      <c r="G76" s="12">
        <v>2213200618.2399998</v>
      </c>
      <c r="H76" s="12">
        <v>106.73</v>
      </c>
      <c r="I76" s="12">
        <v>-139598918.24000001</v>
      </c>
    </row>
    <row r="77" spans="1:9" x14ac:dyDescent="0.25">
      <c r="A77" s="3" t="s">
        <v>139</v>
      </c>
      <c r="B77" s="5" t="s">
        <v>140</v>
      </c>
      <c r="C77" s="11">
        <v>16823704500</v>
      </c>
      <c r="D77" s="11">
        <v>19585943063</v>
      </c>
      <c r="E77" s="11">
        <v>4069784066.5</v>
      </c>
      <c r="F77" s="11">
        <v>20.78</v>
      </c>
      <c r="G77" s="11">
        <v>19891505125.209999</v>
      </c>
      <c r="H77" s="11">
        <v>101.56</v>
      </c>
      <c r="I77" s="11">
        <v>-305562062.20999998</v>
      </c>
    </row>
    <row r="78" spans="1:9" x14ac:dyDescent="0.25">
      <c r="A78" s="3" t="s">
        <v>141</v>
      </c>
      <c r="B78" s="5" t="s">
        <v>142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3</v>
      </c>
      <c r="B79" s="5" t="s">
        <v>144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5</v>
      </c>
      <c r="B80" s="4" t="s">
        <v>146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2" x14ac:dyDescent="0.25">
      <c r="A81" s="2" t="s">
        <v>147</v>
      </c>
      <c r="B81" s="4" t="s">
        <v>148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2" x14ac:dyDescent="0.25">
      <c r="A82" s="3" t="s">
        <v>149</v>
      </c>
      <c r="B82" s="5" t="s">
        <v>150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2" x14ac:dyDescent="0.25">
      <c r="A83" s="2" t="s">
        <v>151</v>
      </c>
      <c r="B83" s="4" t="s">
        <v>146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2" x14ac:dyDescent="0.25">
      <c r="A84" s="2" t="s">
        <v>152</v>
      </c>
      <c r="B84" s="4" t="s">
        <v>148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2" x14ac:dyDescent="0.25">
      <c r="A85" s="3" t="s">
        <v>153</v>
      </c>
      <c r="B85" s="5" t="s">
        <v>154</v>
      </c>
      <c r="C85" s="11">
        <v>16823704500</v>
      </c>
      <c r="D85" s="11">
        <v>19585943063</v>
      </c>
      <c r="E85" s="11">
        <v>4069784066.5</v>
      </c>
      <c r="F85" s="11">
        <v>20.78</v>
      </c>
      <c r="G85" s="11">
        <v>19891505125.209999</v>
      </c>
      <c r="H85" s="11">
        <v>101.56</v>
      </c>
      <c r="I85" s="11">
        <v>-305562062.20999998</v>
      </c>
    </row>
    <row r="86" spans="1:12" x14ac:dyDescent="0.25">
      <c r="A86" s="2" t="s">
        <v>155</v>
      </c>
      <c r="B86" s="4" t="s">
        <v>156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2" x14ac:dyDescent="0.25">
      <c r="A87" s="3" t="s">
        <v>157</v>
      </c>
      <c r="B87" s="5" t="s">
        <v>158</v>
      </c>
      <c r="C87" s="11">
        <v>16823704500</v>
      </c>
      <c r="D87" s="11">
        <v>19585943063</v>
      </c>
      <c r="E87" s="11">
        <v>4069784066.5</v>
      </c>
      <c r="F87" s="11">
        <v>20.78</v>
      </c>
      <c r="G87" s="11">
        <v>19891505125.209999</v>
      </c>
      <c r="H87" s="11">
        <v>101.56</v>
      </c>
      <c r="I87" s="11">
        <v>-305562062.20999998</v>
      </c>
    </row>
    <row r="88" spans="1:12" x14ac:dyDescent="0.25">
      <c r="A88" s="3" t="s">
        <v>159</v>
      </c>
      <c r="B88" s="5" t="s">
        <v>160</v>
      </c>
      <c r="C88" s="11">
        <v>0</v>
      </c>
      <c r="D88" s="11">
        <v>2411830580.4299998</v>
      </c>
      <c r="E88" s="11">
        <v>0</v>
      </c>
      <c r="F88" s="11">
        <v>0</v>
      </c>
      <c r="G88" s="11">
        <v>2411830580.4299998</v>
      </c>
      <c r="H88" s="11">
        <v>100</v>
      </c>
      <c r="I88" s="11">
        <v>0</v>
      </c>
    </row>
    <row r="89" spans="1:12" x14ac:dyDescent="0.25">
      <c r="A89" s="2" t="s">
        <v>161</v>
      </c>
      <c r="B89" s="4" t="s">
        <v>162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2" x14ac:dyDescent="0.25">
      <c r="A90" s="2" t="s">
        <v>163</v>
      </c>
      <c r="B90" s="4" t="s">
        <v>164</v>
      </c>
      <c r="C90" s="12">
        <v>0</v>
      </c>
      <c r="D90" s="12">
        <v>2411830580.4299998</v>
      </c>
      <c r="E90" s="12">
        <v>0</v>
      </c>
      <c r="F90" s="12">
        <v>0</v>
      </c>
      <c r="G90" s="12">
        <v>2411830580.4299998</v>
      </c>
      <c r="H90" s="12">
        <v>100</v>
      </c>
      <c r="I90" s="12">
        <v>0</v>
      </c>
    </row>
    <row r="92" spans="1:12" x14ac:dyDescent="0.25">
      <c r="A92" s="10" t="s">
        <v>6</v>
      </c>
      <c r="B92" s="10" t="s">
        <v>165</v>
      </c>
      <c r="C92" s="10" t="s">
        <v>166</v>
      </c>
      <c r="D92" s="10" t="s">
        <v>167</v>
      </c>
      <c r="E92" s="10" t="s">
        <v>168</v>
      </c>
      <c r="F92" s="10" t="s">
        <v>7</v>
      </c>
      <c r="G92" s="10" t="s">
        <v>171</v>
      </c>
      <c r="H92" s="10" t="s">
        <v>172</v>
      </c>
      <c r="I92" s="10" t="s">
        <v>7</v>
      </c>
      <c r="J92" s="10" t="s">
        <v>175</v>
      </c>
      <c r="K92" s="10" t="s">
        <v>176</v>
      </c>
      <c r="L92" s="10" t="s">
        <v>177</v>
      </c>
    </row>
    <row r="93" spans="1:12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69</v>
      </c>
      <c r="F93" s="1" t="s">
        <v>170</v>
      </c>
      <c r="G93" s="10" t="s">
        <v>7</v>
      </c>
      <c r="H93" s="1" t="s">
        <v>173</v>
      </c>
      <c r="I93" s="1" t="s">
        <v>174</v>
      </c>
      <c r="J93" s="10" t="s">
        <v>7</v>
      </c>
      <c r="K93" s="10" t="s">
        <v>7</v>
      </c>
      <c r="L93" s="10" t="s">
        <v>7</v>
      </c>
    </row>
    <row r="94" spans="1:12" x14ac:dyDescent="0.25">
      <c r="A94" s="3" t="s">
        <v>178</v>
      </c>
      <c r="B94" s="5" t="s">
        <v>179</v>
      </c>
      <c r="C94" s="11">
        <v>15050076900</v>
      </c>
      <c r="D94" s="11">
        <v>19749216368.639999</v>
      </c>
      <c r="E94" s="11">
        <v>2928790481.3499999</v>
      </c>
      <c r="F94" s="11">
        <v>16452778863.120001</v>
      </c>
      <c r="G94" s="11">
        <v>3296437505.52</v>
      </c>
      <c r="H94" s="11">
        <v>3548409409.8400002</v>
      </c>
      <c r="I94" s="11">
        <v>15504036099.629999</v>
      </c>
      <c r="J94" s="11">
        <v>4245180269.0100002</v>
      </c>
      <c r="K94" s="11">
        <v>15413194414.959999</v>
      </c>
      <c r="L94" s="11">
        <v>948742763.49000001</v>
      </c>
    </row>
    <row r="95" spans="1:12" x14ac:dyDescent="0.25">
      <c r="A95" s="3" t="s">
        <v>180</v>
      </c>
      <c r="B95" s="5" t="s">
        <v>181</v>
      </c>
      <c r="C95" s="11">
        <v>12389602700</v>
      </c>
      <c r="D95" s="11">
        <v>15484259477.43</v>
      </c>
      <c r="E95" s="11">
        <v>2616548378.9200001</v>
      </c>
      <c r="F95" s="11">
        <v>13985111528.43</v>
      </c>
      <c r="G95" s="11">
        <v>1499147949</v>
      </c>
      <c r="H95" s="11">
        <v>3038028531.0999999</v>
      </c>
      <c r="I95" s="11">
        <v>13618449959.91</v>
      </c>
      <c r="J95" s="11">
        <v>1865809517.52</v>
      </c>
      <c r="K95" s="11">
        <v>13535696753.85</v>
      </c>
      <c r="L95" s="11">
        <v>366661568.51999998</v>
      </c>
    </row>
    <row r="96" spans="1:12" x14ac:dyDescent="0.25">
      <c r="A96" s="2" t="s">
        <v>182</v>
      </c>
      <c r="B96" s="4" t="s">
        <v>183</v>
      </c>
      <c r="C96" s="12">
        <v>8178401200</v>
      </c>
      <c r="D96" s="12">
        <v>9737351634.6700001</v>
      </c>
      <c r="E96" s="12">
        <v>1801734838.1099999</v>
      </c>
      <c r="F96" s="12">
        <v>9329010350.1700001</v>
      </c>
      <c r="G96" s="12">
        <v>408341284.5</v>
      </c>
      <c r="H96" s="12">
        <v>2040682541.25</v>
      </c>
      <c r="I96" s="12">
        <v>9328717247.9099998</v>
      </c>
      <c r="J96" s="12">
        <v>408634386.75999999</v>
      </c>
      <c r="K96" s="12">
        <v>9307191062.2800007</v>
      </c>
      <c r="L96" s="12">
        <v>293102.26</v>
      </c>
    </row>
    <row r="97" spans="1:12" x14ac:dyDescent="0.25">
      <c r="A97" s="2" t="s">
        <v>184</v>
      </c>
      <c r="B97" s="4" t="s">
        <v>185</v>
      </c>
      <c r="C97" s="12">
        <v>530788700</v>
      </c>
      <c r="D97" s="12">
        <v>401164837</v>
      </c>
      <c r="E97" s="12">
        <v>50944045.049999997</v>
      </c>
      <c r="F97" s="12">
        <v>306558701.06</v>
      </c>
      <c r="G97" s="12">
        <v>94606135.939999998</v>
      </c>
      <c r="H97" s="12">
        <v>51236909.899999999</v>
      </c>
      <c r="I97" s="12">
        <v>306558701.06</v>
      </c>
      <c r="J97" s="12">
        <v>94606135.939999998</v>
      </c>
      <c r="K97" s="12">
        <v>306558701.06</v>
      </c>
      <c r="L97" s="12">
        <v>0</v>
      </c>
    </row>
    <row r="98" spans="1:12" x14ac:dyDescent="0.25">
      <c r="A98" s="3" t="s">
        <v>186</v>
      </c>
      <c r="B98" s="5" t="s">
        <v>187</v>
      </c>
      <c r="C98" s="11">
        <v>3680412800</v>
      </c>
      <c r="D98" s="11">
        <v>5345743005.7600002</v>
      </c>
      <c r="E98" s="11">
        <v>763869495.75999999</v>
      </c>
      <c r="F98" s="11">
        <v>4349542477.1999998</v>
      </c>
      <c r="G98" s="11">
        <v>996200528.55999994</v>
      </c>
      <c r="H98" s="11">
        <v>946109079.95000005</v>
      </c>
      <c r="I98" s="11">
        <v>3983174010.9400001</v>
      </c>
      <c r="J98" s="11">
        <v>1362568994.8199999</v>
      </c>
      <c r="K98" s="11">
        <v>3921946990.5100002</v>
      </c>
      <c r="L98" s="11">
        <v>366368466.25999999</v>
      </c>
    </row>
    <row r="99" spans="1:12" x14ac:dyDescent="0.25">
      <c r="A99" s="2" t="s">
        <v>188</v>
      </c>
      <c r="B99" s="4" t="s">
        <v>189</v>
      </c>
      <c r="C99" s="12">
        <v>168000000</v>
      </c>
      <c r="D99" s="12">
        <v>515458800</v>
      </c>
      <c r="E99" s="12">
        <v>73273360.849999994</v>
      </c>
      <c r="F99" s="12">
        <v>507263265.20999998</v>
      </c>
      <c r="G99" s="12">
        <v>8195534.79</v>
      </c>
      <c r="H99" s="12">
        <v>80805846.290000007</v>
      </c>
      <c r="I99" s="12">
        <v>507263265.20999998</v>
      </c>
      <c r="J99" s="12">
        <v>8195534.79</v>
      </c>
      <c r="K99" s="12">
        <v>467163596.56</v>
      </c>
      <c r="L99" s="12">
        <v>0</v>
      </c>
    </row>
    <row r="100" spans="1:12" x14ac:dyDescent="0.25">
      <c r="A100" s="2" t="s">
        <v>190</v>
      </c>
      <c r="B100" s="4" t="s">
        <v>191</v>
      </c>
      <c r="C100" s="12">
        <v>3512412800</v>
      </c>
      <c r="D100" s="12">
        <v>4830284205.7600002</v>
      </c>
      <c r="E100" s="12">
        <v>690596134.90999997</v>
      </c>
      <c r="F100" s="12">
        <v>3842279211.9899998</v>
      </c>
      <c r="G100" s="12">
        <v>988004993.76999998</v>
      </c>
      <c r="H100" s="12">
        <v>865303233.65999997</v>
      </c>
      <c r="I100" s="12">
        <v>3475910745.73</v>
      </c>
      <c r="J100" s="12">
        <v>1354373460.03</v>
      </c>
      <c r="K100" s="12">
        <v>3454783393.9499998</v>
      </c>
      <c r="L100" s="12">
        <v>366368466.25999999</v>
      </c>
    </row>
    <row r="101" spans="1:12" x14ac:dyDescent="0.25">
      <c r="A101" s="3" t="s">
        <v>192</v>
      </c>
      <c r="B101" s="5" t="s">
        <v>193</v>
      </c>
      <c r="C101" s="11">
        <v>2526336200</v>
      </c>
      <c r="D101" s="11">
        <v>4219742764.21</v>
      </c>
      <c r="E101" s="11">
        <v>312242102.43000001</v>
      </c>
      <c r="F101" s="11">
        <v>2467667334.6900001</v>
      </c>
      <c r="G101" s="11">
        <v>1752075429.52</v>
      </c>
      <c r="H101" s="11">
        <v>510380878.74000001</v>
      </c>
      <c r="I101" s="11">
        <v>1885586139.72</v>
      </c>
      <c r="J101" s="11">
        <v>2334156624.4899998</v>
      </c>
      <c r="K101" s="11">
        <v>1877497661.1099999</v>
      </c>
      <c r="L101" s="11">
        <v>582081194.97000003</v>
      </c>
    </row>
    <row r="102" spans="1:12" x14ac:dyDescent="0.25">
      <c r="A102" s="2" t="s">
        <v>194</v>
      </c>
      <c r="B102" s="4" t="s">
        <v>195</v>
      </c>
      <c r="C102" s="12">
        <v>1959477700</v>
      </c>
      <c r="D102" s="12">
        <v>3577672215.21</v>
      </c>
      <c r="E102" s="12">
        <v>241088978.87</v>
      </c>
      <c r="F102" s="12">
        <v>2004105990.8299999</v>
      </c>
      <c r="G102" s="12">
        <v>1573566224.3800001</v>
      </c>
      <c r="H102" s="12">
        <v>437426466.63</v>
      </c>
      <c r="I102" s="12">
        <v>1434539190.77</v>
      </c>
      <c r="J102" s="12">
        <v>2143133024.4400001</v>
      </c>
      <c r="K102" s="12">
        <v>1427752290.6400001</v>
      </c>
      <c r="L102" s="12">
        <v>569566800.05999994</v>
      </c>
    </row>
    <row r="103" spans="1:12" x14ac:dyDescent="0.25">
      <c r="A103" s="2" t="s">
        <v>196</v>
      </c>
      <c r="B103" s="4" t="s">
        <v>197</v>
      </c>
      <c r="C103" s="12">
        <v>651100</v>
      </c>
      <c r="D103" s="12">
        <v>149103356</v>
      </c>
      <c r="E103" s="12">
        <v>25361965.699999999</v>
      </c>
      <c r="F103" s="12">
        <v>104118901.13</v>
      </c>
      <c r="G103" s="12">
        <v>44984454.869999997</v>
      </c>
      <c r="H103" s="12">
        <v>26981578.48</v>
      </c>
      <c r="I103" s="12">
        <v>91604506.219999999</v>
      </c>
      <c r="J103" s="12">
        <v>57498849.780000001</v>
      </c>
      <c r="K103" s="12">
        <v>90302927.739999995</v>
      </c>
      <c r="L103" s="12">
        <v>12514394.91</v>
      </c>
    </row>
    <row r="104" spans="1:12" x14ac:dyDescent="0.25">
      <c r="A104" s="2" t="s">
        <v>198</v>
      </c>
      <c r="B104" s="4" t="s">
        <v>199</v>
      </c>
      <c r="C104" s="12">
        <v>566207400</v>
      </c>
      <c r="D104" s="12">
        <v>492967193</v>
      </c>
      <c r="E104" s="12">
        <v>45791157.859999999</v>
      </c>
      <c r="F104" s="12">
        <v>359442442.73000002</v>
      </c>
      <c r="G104" s="12">
        <v>133524750.27</v>
      </c>
      <c r="H104" s="12">
        <v>45972833.630000003</v>
      </c>
      <c r="I104" s="12">
        <v>359442442.73000002</v>
      </c>
      <c r="J104" s="12">
        <v>133524750.27</v>
      </c>
      <c r="K104" s="12">
        <v>359442442.73000002</v>
      </c>
      <c r="L104" s="12">
        <v>0</v>
      </c>
    </row>
    <row r="105" spans="1:12" x14ac:dyDescent="0.25">
      <c r="A105" s="2" t="s">
        <v>200</v>
      </c>
      <c r="B105" s="4" t="s">
        <v>201</v>
      </c>
      <c r="C105" s="12">
        <v>134138000</v>
      </c>
      <c r="D105" s="12">
        <v>45214127</v>
      </c>
      <c r="E105" s="12">
        <v>0</v>
      </c>
      <c r="F105" s="12">
        <v>0</v>
      </c>
      <c r="G105" s="12">
        <v>45214127</v>
      </c>
      <c r="H105" s="12">
        <v>0</v>
      </c>
      <c r="I105" s="12">
        <v>0</v>
      </c>
      <c r="J105" s="12">
        <v>45214127</v>
      </c>
      <c r="K105" s="12">
        <v>0</v>
      </c>
      <c r="L105" s="12">
        <v>0</v>
      </c>
    </row>
    <row r="106" spans="1:12" x14ac:dyDescent="0.25">
      <c r="A106" s="2" t="s">
        <v>202</v>
      </c>
      <c r="B106" s="4" t="s">
        <v>203</v>
      </c>
      <c r="C106" s="12">
        <v>1773627600</v>
      </c>
      <c r="D106" s="12">
        <v>2248557274.79</v>
      </c>
      <c r="E106" s="12">
        <v>450588636.94999999</v>
      </c>
      <c r="F106" s="12">
        <v>2149533019.3800001</v>
      </c>
      <c r="G106" s="12">
        <v>99024255.409999996</v>
      </c>
      <c r="H106" s="12">
        <v>486399211.97000003</v>
      </c>
      <c r="I106" s="12">
        <v>2149533019.3800001</v>
      </c>
      <c r="J106" s="12">
        <v>99024255.409999996</v>
      </c>
      <c r="K106" s="12">
        <v>2133198442.28</v>
      </c>
      <c r="L106" s="12">
        <v>0</v>
      </c>
    </row>
    <row r="107" spans="1:12" x14ac:dyDescent="0.25">
      <c r="A107" s="3" t="s">
        <v>204</v>
      </c>
      <c r="B107" s="5" t="s">
        <v>205</v>
      </c>
      <c r="C107" s="11">
        <v>16823704500</v>
      </c>
      <c r="D107" s="11">
        <v>21997773643.43</v>
      </c>
      <c r="E107" s="11">
        <v>3379379118.3000002</v>
      </c>
      <c r="F107" s="11">
        <v>18602311882.5</v>
      </c>
      <c r="G107" s="11">
        <v>3395461760.9299998</v>
      </c>
      <c r="H107" s="11">
        <v>4034808621.8099999</v>
      </c>
      <c r="I107" s="11">
        <v>17653569119.009998</v>
      </c>
      <c r="J107" s="11">
        <v>4344204524.4200001</v>
      </c>
      <c r="K107" s="11">
        <v>17546392857.240002</v>
      </c>
      <c r="L107" s="11">
        <v>948742763.49000001</v>
      </c>
    </row>
    <row r="108" spans="1:12" x14ac:dyDescent="0.25">
      <c r="A108" s="3" t="s">
        <v>206</v>
      </c>
      <c r="B108" s="5" t="s">
        <v>207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  <c r="L108" s="11">
        <v>0</v>
      </c>
    </row>
    <row r="109" spans="1:12" x14ac:dyDescent="0.25">
      <c r="A109" s="3" t="s">
        <v>208</v>
      </c>
      <c r="B109" s="5" t="s">
        <v>209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  <c r="L109" s="11">
        <v>0</v>
      </c>
    </row>
    <row r="110" spans="1:12" x14ac:dyDescent="0.25">
      <c r="A110" s="2" t="s">
        <v>210</v>
      </c>
      <c r="B110" s="4" t="s">
        <v>211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  <c r="L110" s="12">
        <v>0</v>
      </c>
    </row>
    <row r="111" spans="1:12" x14ac:dyDescent="0.25">
      <c r="A111" s="2" t="s">
        <v>212</v>
      </c>
      <c r="B111" s="4" t="s">
        <v>213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  <c r="L111" s="12">
        <v>0</v>
      </c>
    </row>
    <row r="112" spans="1:12" x14ac:dyDescent="0.25">
      <c r="A112" s="3" t="s">
        <v>214</v>
      </c>
      <c r="B112" s="5" t="s">
        <v>215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  <c r="L112" s="11">
        <v>0</v>
      </c>
    </row>
    <row r="113" spans="1:12" x14ac:dyDescent="0.25">
      <c r="A113" s="2" t="s">
        <v>216</v>
      </c>
      <c r="B113" s="4" t="s">
        <v>211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  <c r="L113" s="12">
        <v>0</v>
      </c>
    </row>
    <row r="114" spans="1:12" x14ac:dyDescent="0.25">
      <c r="A114" s="2" t="s">
        <v>217</v>
      </c>
      <c r="B114" s="4" t="s">
        <v>213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  <c r="L114" s="12">
        <v>0</v>
      </c>
    </row>
    <row r="115" spans="1:12" x14ac:dyDescent="0.25">
      <c r="A115" s="3" t="s">
        <v>218</v>
      </c>
      <c r="B115" s="5" t="s">
        <v>219</v>
      </c>
      <c r="C115" s="11">
        <v>16823704500</v>
      </c>
      <c r="D115" s="11">
        <v>21997773643.43</v>
      </c>
      <c r="E115" s="11">
        <v>3379379118.3000002</v>
      </c>
      <c r="F115" s="11">
        <v>18602311882.5</v>
      </c>
      <c r="G115" s="11">
        <v>3395461760.9299998</v>
      </c>
      <c r="H115" s="11">
        <v>4034808621.8099999</v>
      </c>
      <c r="I115" s="11">
        <v>17653569119.009998</v>
      </c>
      <c r="J115" s="11">
        <v>4344204524.4200001</v>
      </c>
      <c r="K115" s="11">
        <v>17546392857.240002</v>
      </c>
      <c r="L115" s="11">
        <v>948742763.49000001</v>
      </c>
    </row>
    <row r="116" spans="1:12" x14ac:dyDescent="0.25">
      <c r="A116" s="2" t="s">
        <v>220</v>
      </c>
      <c r="B116" s="4" t="s">
        <v>221</v>
      </c>
      <c r="C116" s="12">
        <v>0</v>
      </c>
      <c r="D116" s="12">
        <v>0</v>
      </c>
      <c r="E116" s="12">
        <v>0</v>
      </c>
      <c r="F116" s="12">
        <v>1289193242.71</v>
      </c>
      <c r="G116" s="12">
        <v>0</v>
      </c>
      <c r="H116" s="12">
        <v>0</v>
      </c>
      <c r="I116" s="12">
        <v>2237936006.1999998</v>
      </c>
      <c r="J116" s="12">
        <v>0</v>
      </c>
      <c r="K116" s="12">
        <v>2345112267.9699998</v>
      </c>
      <c r="L116" s="12">
        <v>-948742763.49000001</v>
      </c>
    </row>
    <row r="117" spans="1:12" x14ac:dyDescent="0.25">
      <c r="A117" s="3" t="s">
        <v>222</v>
      </c>
      <c r="B117" s="5" t="s">
        <v>223</v>
      </c>
      <c r="C117" s="11">
        <v>16823704500</v>
      </c>
      <c r="D117" s="11">
        <v>21997773643.43</v>
      </c>
      <c r="E117" s="11">
        <v>3379379118.3000002</v>
      </c>
      <c r="F117" s="11">
        <v>19891505125.209999</v>
      </c>
      <c r="G117" s="11">
        <v>3395461760.9299998</v>
      </c>
      <c r="H117" s="11">
        <v>4034808621.8099999</v>
      </c>
      <c r="I117" s="11">
        <v>19891505125.209999</v>
      </c>
      <c r="J117" s="11">
        <v>4344204524.4200001</v>
      </c>
      <c r="K117" s="11">
        <v>19891505125.209999</v>
      </c>
      <c r="L117" s="11">
        <v>0</v>
      </c>
    </row>
    <row r="118" spans="1:12" x14ac:dyDescent="0.25">
      <c r="A118" s="2" t="s">
        <v>224</v>
      </c>
      <c r="B118" s="4" t="s">
        <v>225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  <c r="L118" s="12">
        <v>0</v>
      </c>
    </row>
    <row r="120" spans="1:12" x14ac:dyDescent="0.25">
      <c r="A120" s="10" t="s">
        <v>6</v>
      </c>
      <c r="B120" s="10" t="s">
        <v>226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2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2" x14ac:dyDescent="0.25">
      <c r="A122" s="3" t="s">
        <v>227</v>
      </c>
      <c r="B122" s="5" t="s">
        <v>228</v>
      </c>
      <c r="C122" s="11">
        <v>1382157700</v>
      </c>
      <c r="D122" s="11">
        <v>2073601700</v>
      </c>
      <c r="E122" s="11">
        <v>559965060.88999999</v>
      </c>
      <c r="F122" s="11">
        <v>27</v>
      </c>
      <c r="G122" s="11">
        <v>2213200618.2399998</v>
      </c>
      <c r="H122" s="11">
        <v>106.73</v>
      </c>
      <c r="I122" s="11">
        <v>-139598918.24000001</v>
      </c>
    </row>
    <row r="123" spans="1:12" x14ac:dyDescent="0.25">
      <c r="A123" s="3" t="s">
        <v>229</v>
      </c>
      <c r="B123" s="5" t="s">
        <v>230</v>
      </c>
      <c r="C123" s="11">
        <v>1382157700</v>
      </c>
      <c r="D123" s="11">
        <v>2073601700</v>
      </c>
      <c r="E123" s="11">
        <v>559965060.88999999</v>
      </c>
      <c r="F123" s="11">
        <v>27</v>
      </c>
      <c r="G123" s="11">
        <v>2213200618.2399998</v>
      </c>
      <c r="H123" s="11">
        <v>106.73</v>
      </c>
      <c r="I123" s="11">
        <v>-139598918.24000001</v>
      </c>
    </row>
    <row r="124" spans="1:12" x14ac:dyDescent="0.25">
      <c r="A124" s="3" t="s">
        <v>231</v>
      </c>
      <c r="B124" s="5" t="s">
        <v>232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2" x14ac:dyDescent="0.25">
      <c r="A125" s="2" t="s">
        <v>233</v>
      </c>
      <c r="B125" s="4" t="s">
        <v>234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2" x14ac:dyDescent="0.25">
      <c r="A126" s="2" t="s">
        <v>235</v>
      </c>
      <c r="B126" s="4" t="s">
        <v>236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2" x14ac:dyDescent="0.25">
      <c r="A127" s="2" t="s">
        <v>237</v>
      </c>
      <c r="B127" s="4" t="s">
        <v>238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2" x14ac:dyDescent="0.25">
      <c r="A128" s="3" t="s">
        <v>239</v>
      </c>
      <c r="B128" s="5" t="s">
        <v>240</v>
      </c>
      <c r="C128" s="11">
        <v>908278000</v>
      </c>
      <c r="D128" s="11">
        <v>1591722000</v>
      </c>
      <c r="E128" s="11">
        <v>558316951.88</v>
      </c>
      <c r="F128" s="11">
        <v>35.08</v>
      </c>
      <c r="G128" s="11">
        <v>2203434124.46</v>
      </c>
      <c r="H128" s="11">
        <v>138.43</v>
      </c>
      <c r="I128" s="11">
        <v>-611712124.46000004</v>
      </c>
    </row>
    <row r="129" spans="1:9" x14ac:dyDescent="0.25">
      <c r="A129" s="2" t="s">
        <v>241</v>
      </c>
      <c r="B129" s="4" t="s">
        <v>242</v>
      </c>
      <c r="C129" s="12">
        <v>908278000</v>
      </c>
      <c r="D129" s="12">
        <v>1591722000</v>
      </c>
      <c r="E129" s="12">
        <v>558316951.88</v>
      </c>
      <c r="F129" s="12">
        <v>35.08</v>
      </c>
      <c r="G129" s="12">
        <v>2203434124.46</v>
      </c>
      <c r="H129" s="12">
        <v>138.43</v>
      </c>
      <c r="I129" s="12">
        <v>-611712124.46000004</v>
      </c>
    </row>
    <row r="130" spans="1:9" x14ac:dyDescent="0.25">
      <c r="A130" s="2" t="s">
        <v>243</v>
      </c>
      <c r="B130" s="4" t="s">
        <v>244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5</v>
      </c>
      <c r="B131" s="4" t="s">
        <v>246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7</v>
      </c>
      <c r="B132" s="4" t="s">
        <v>248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9</v>
      </c>
      <c r="B133" s="5" t="s">
        <v>250</v>
      </c>
      <c r="C133" s="11">
        <v>30000000</v>
      </c>
      <c r="D133" s="11">
        <v>30000000</v>
      </c>
      <c r="E133" s="11">
        <v>0</v>
      </c>
      <c r="F133" s="11">
        <v>0</v>
      </c>
      <c r="G133" s="11">
        <v>0</v>
      </c>
      <c r="H133" s="11">
        <v>0</v>
      </c>
      <c r="I133" s="11">
        <v>30000000</v>
      </c>
    </row>
    <row r="134" spans="1:9" x14ac:dyDescent="0.25">
      <c r="A134" s="2" t="s">
        <v>251</v>
      </c>
      <c r="B134" s="4" t="s">
        <v>252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</row>
    <row r="135" spans="1:9" x14ac:dyDescent="0.25">
      <c r="A135" s="2" t="s">
        <v>253</v>
      </c>
      <c r="B135" s="4" t="s">
        <v>254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5</v>
      </c>
      <c r="B136" s="4" t="s">
        <v>256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7</v>
      </c>
      <c r="B137" s="4" t="s">
        <v>258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9</v>
      </c>
      <c r="B138" s="4" t="s">
        <v>260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61</v>
      </c>
      <c r="B139" s="4" t="s">
        <v>262</v>
      </c>
      <c r="C139" s="12">
        <v>30000000</v>
      </c>
      <c r="D139" s="12">
        <v>30000000</v>
      </c>
      <c r="E139" s="12">
        <v>0</v>
      </c>
      <c r="F139" s="12">
        <v>0</v>
      </c>
      <c r="G139" s="12">
        <v>0</v>
      </c>
      <c r="H139" s="12">
        <v>0</v>
      </c>
      <c r="I139" s="12">
        <v>30000000</v>
      </c>
    </row>
    <row r="140" spans="1:9" x14ac:dyDescent="0.25">
      <c r="A140" s="2" t="s">
        <v>263</v>
      </c>
      <c r="B140" s="4" t="s">
        <v>264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5</v>
      </c>
      <c r="B141" s="4" t="s">
        <v>266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7</v>
      </c>
      <c r="B142" s="4" t="s">
        <v>268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9</v>
      </c>
      <c r="B143" s="5" t="s">
        <v>270</v>
      </c>
      <c r="C143" s="11">
        <v>0</v>
      </c>
      <c r="D143" s="11">
        <v>8000000</v>
      </c>
      <c r="E143" s="11">
        <v>0</v>
      </c>
      <c r="F143" s="11">
        <v>0</v>
      </c>
      <c r="G143" s="11">
        <v>0</v>
      </c>
      <c r="H143" s="11">
        <v>0</v>
      </c>
      <c r="I143" s="11">
        <v>8000000</v>
      </c>
    </row>
    <row r="144" spans="1:9" x14ac:dyDescent="0.25">
      <c r="A144" s="2" t="s">
        <v>271</v>
      </c>
      <c r="B144" s="4" t="s">
        <v>272</v>
      </c>
      <c r="C144" s="12">
        <v>0</v>
      </c>
      <c r="D144" s="12">
        <v>8000000</v>
      </c>
      <c r="E144" s="12">
        <v>0</v>
      </c>
      <c r="F144" s="12">
        <v>0</v>
      </c>
      <c r="G144" s="12">
        <v>0</v>
      </c>
      <c r="H144" s="12">
        <v>0</v>
      </c>
      <c r="I144" s="12">
        <v>8000000</v>
      </c>
    </row>
    <row r="145" spans="1:9" x14ac:dyDescent="0.25">
      <c r="A145" s="2" t="s">
        <v>273</v>
      </c>
      <c r="B145" s="4" t="s">
        <v>274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5</v>
      </c>
      <c r="B146" s="4" t="s">
        <v>276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7</v>
      </c>
      <c r="B147" s="4" t="s">
        <v>278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9</v>
      </c>
      <c r="B148" s="4" t="s">
        <v>280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81</v>
      </c>
      <c r="B149" s="5" t="s">
        <v>282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3</v>
      </c>
      <c r="B150" s="4" t="s">
        <v>284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5</v>
      </c>
      <c r="B151" s="4" t="s">
        <v>286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7</v>
      </c>
      <c r="B152" s="4" t="s">
        <v>288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9</v>
      </c>
      <c r="B153" s="4" t="s">
        <v>290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91</v>
      </c>
      <c r="B154" s="4" t="s">
        <v>292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3</v>
      </c>
      <c r="B155" s="4" t="s">
        <v>294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5</v>
      </c>
      <c r="B156" s="4" t="s">
        <v>296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7</v>
      </c>
      <c r="B157" s="4" t="s">
        <v>298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9</v>
      </c>
      <c r="B158" s="5" t="s">
        <v>300</v>
      </c>
      <c r="C158" s="11">
        <v>443879700</v>
      </c>
      <c r="D158" s="11">
        <v>443879700</v>
      </c>
      <c r="E158" s="11">
        <v>1648109.01</v>
      </c>
      <c r="F158" s="11">
        <v>0.37</v>
      </c>
      <c r="G158" s="11">
        <v>9766493.7799999993</v>
      </c>
      <c r="H158" s="11">
        <v>2.2000000000000002</v>
      </c>
      <c r="I158" s="11">
        <v>434113206.22000003</v>
      </c>
    </row>
    <row r="159" spans="1:9" x14ac:dyDescent="0.25">
      <c r="A159" s="2" t="s">
        <v>301</v>
      </c>
      <c r="B159" s="4" t="s">
        <v>302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3</v>
      </c>
      <c r="B160" s="4" t="s">
        <v>304</v>
      </c>
      <c r="C160" s="12">
        <v>0</v>
      </c>
      <c r="D160" s="12">
        <v>0</v>
      </c>
      <c r="E160" s="12">
        <v>1648109.01</v>
      </c>
      <c r="F160" s="12">
        <v>0</v>
      </c>
      <c r="G160" s="12">
        <v>9766493.7799999993</v>
      </c>
      <c r="H160" s="12">
        <v>0</v>
      </c>
      <c r="I160" s="12">
        <v>-9766493.7799999993</v>
      </c>
    </row>
    <row r="161" spans="1:9" x14ac:dyDescent="0.25">
      <c r="A161" s="2" t="s">
        <v>305</v>
      </c>
      <c r="B161" s="4" t="s">
        <v>306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7</v>
      </c>
      <c r="B162" s="4" t="s">
        <v>308</v>
      </c>
      <c r="C162" s="12">
        <v>443879700</v>
      </c>
      <c r="D162" s="12">
        <v>443879700</v>
      </c>
      <c r="E162" s="12">
        <v>0</v>
      </c>
      <c r="F162" s="12">
        <v>0</v>
      </c>
      <c r="G162" s="12">
        <v>0</v>
      </c>
      <c r="H162" s="12">
        <v>0</v>
      </c>
      <c r="I162" s="12">
        <v>443879700</v>
      </c>
    </row>
    <row r="163" spans="1:9" x14ac:dyDescent="0.25">
      <c r="A163" s="3" t="s">
        <v>309</v>
      </c>
      <c r="B163" s="5" t="s">
        <v>310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11</v>
      </c>
      <c r="B164" s="5" t="s">
        <v>312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3</v>
      </c>
      <c r="B165" s="4" t="s">
        <v>314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5</v>
      </c>
      <c r="B166" s="4" t="s">
        <v>316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7</v>
      </c>
      <c r="B167" s="5" t="s">
        <v>318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9</v>
      </c>
      <c r="B168" s="4" t="s">
        <v>320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21</v>
      </c>
      <c r="B169" s="4" t="s">
        <v>322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3</v>
      </c>
      <c r="B170" s="4" t="s">
        <v>324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5</v>
      </c>
      <c r="B171" s="4" t="s">
        <v>326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7</v>
      </c>
      <c r="B172" s="5" t="s">
        <v>328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9</v>
      </c>
      <c r="B173" s="4" t="s">
        <v>284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30</v>
      </c>
      <c r="B174" s="4" t="s">
        <v>286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31</v>
      </c>
      <c r="B175" s="4" t="s">
        <v>288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2</v>
      </c>
      <c r="B176" s="4" t="s">
        <v>290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2" x14ac:dyDescent="0.25">
      <c r="A177" s="2" t="s">
        <v>333</v>
      </c>
      <c r="B177" s="4" t="s">
        <v>292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2" x14ac:dyDescent="0.25">
      <c r="A178" s="2" t="s">
        <v>334</v>
      </c>
      <c r="B178" s="4" t="s">
        <v>294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2" x14ac:dyDescent="0.25">
      <c r="A179" s="2" t="s">
        <v>335</v>
      </c>
      <c r="B179" s="4" t="s">
        <v>296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2" x14ac:dyDescent="0.25">
      <c r="A180" s="2" t="s">
        <v>336</v>
      </c>
      <c r="B180" s="4" t="s">
        <v>298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2" x14ac:dyDescent="0.25">
      <c r="A181" s="3" t="s">
        <v>337</v>
      </c>
      <c r="B181" s="5" t="s">
        <v>338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2" x14ac:dyDescent="0.25">
      <c r="A182" s="2" t="s">
        <v>339</v>
      </c>
      <c r="B182" s="4" t="s">
        <v>340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2" x14ac:dyDescent="0.25">
      <c r="A183" s="2" t="s">
        <v>341</v>
      </c>
      <c r="B183" s="4" t="s">
        <v>342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2" x14ac:dyDescent="0.25">
      <c r="A184" s="2" t="s">
        <v>343</v>
      </c>
      <c r="B184" s="4" t="s">
        <v>344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2" x14ac:dyDescent="0.25">
      <c r="A185" s="2" t="s">
        <v>345</v>
      </c>
      <c r="B185" s="4" t="s">
        <v>346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2" x14ac:dyDescent="0.25">
      <c r="A187" s="10" t="s">
        <v>6</v>
      </c>
      <c r="B187" s="10" t="s">
        <v>347</v>
      </c>
      <c r="C187" s="10" t="s">
        <v>166</v>
      </c>
      <c r="D187" s="10" t="s">
        <v>167</v>
      </c>
      <c r="E187" s="10" t="s">
        <v>168</v>
      </c>
      <c r="F187" s="10" t="s">
        <v>7</v>
      </c>
      <c r="G187" s="10" t="s">
        <v>171</v>
      </c>
      <c r="H187" s="10" t="s">
        <v>172</v>
      </c>
      <c r="I187" s="10" t="s">
        <v>7</v>
      </c>
      <c r="J187" s="10" t="s">
        <v>175</v>
      </c>
      <c r="K187" s="10" t="s">
        <v>176</v>
      </c>
      <c r="L187" s="10" t="s">
        <v>177</v>
      </c>
    </row>
    <row r="188" spans="1:12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69</v>
      </c>
      <c r="F188" s="1" t="s">
        <v>170</v>
      </c>
      <c r="G188" s="10" t="s">
        <v>7</v>
      </c>
      <c r="H188" s="1" t="s">
        <v>169</v>
      </c>
      <c r="I188" s="1" t="s">
        <v>174</v>
      </c>
      <c r="J188" s="10" t="s">
        <v>7</v>
      </c>
      <c r="K188" s="10" t="s">
        <v>7</v>
      </c>
      <c r="L188" s="10" t="s">
        <v>7</v>
      </c>
    </row>
    <row r="189" spans="1:12" x14ac:dyDescent="0.25">
      <c r="A189" s="3" t="s">
        <v>348</v>
      </c>
      <c r="B189" s="5" t="s">
        <v>349</v>
      </c>
      <c r="C189" s="11">
        <v>1773627600</v>
      </c>
      <c r="D189" s="11">
        <v>2248557274.79</v>
      </c>
      <c r="E189" s="11">
        <v>450588636.94999999</v>
      </c>
      <c r="F189" s="11">
        <v>2149533019.3800001</v>
      </c>
      <c r="G189" s="11">
        <v>99024255.409999996</v>
      </c>
      <c r="H189" s="11">
        <v>486399211.97000003</v>
      </c>
      <c r="I189" s="11">
        <v>2149533019.3800001</v>
      </c>
      <c r="J189" s="11">
        <v>99024255.409999996</v>
      </c>
      <c r="K189" s="11">
        <v>2133198442.28</v>
      </c>
      <c r="L189" s="11">
        <v>0</v>
      </c>
    </row>
    <row r="190" spans="1:12" x14ac:dyDescent="0.25">
      <c r="A190" s="3" t="s">
        <v>350</v>
      </c>
      <c r="B190" s="5" t="s">
        <v>351</v>
      </c>
      <c r="C190" s="11">
        <v>1773627600</v>
      </c>
      <c r="D190" s="11">
        <v>2248557274.79</v>
      </c>
      <c r="E190" s="11">
        <v>450588636.94999999</v>
      </c>
      <c r="F190" s="11">
        <v>2149533019.3800001</v>
      </c>
      <c r="G190" s="11">
        <v>99024255.409999996</v>
      </c>
      <c r="H190" s="11">
        <v>486399211.97000003</v>
      </c>
      <c r="I190" s="11">
        <v>2149533019.3800001</v>
      </c>
      <c r="J190" s="11">
        <v>99024255.409999996</v>
      </c>
      <c r="K190" s="11">
        <v>2133198442.28</v>
      </c>
      <c r="L190" s="11">
        <v>0</v>
      </c>
    </row>
    <row r="191" spans="1:12" x14ac:dyDescent="0.25">
      <c r="A191" s="2" t="s">
        <v>352</v>
      </c>
      <c r="B191" s="4" t="s">
        <v>353</v>
      </c>
      <c r="C191" s="12">
        <v>1665558200</v>
      </c>
      <c r="D191" s="12">
        <v>2160948061.0599999</v>
      </c>
      <c r="E191" s="12">
        <v>448073398.75999999</v>
      </c>
      <c r="F191" s="12">
        <v>2066746968.6500001</v>
      </c>
      <c r="G191" s="12">
        <v>94201092.409999996</v>
      </c>
      <c r="H191" s="12">
        <v>474116632.25999999</v>
      </c>
      <c r="I191" s="12">
        <v>2066746968.6500001</v>
      </c>
      <c r="J191" s="12">
        <v>94201092.409999996</v>
      </c>
      <c r="K191" s="12">
        <v>2055413851</v>
      </c>
      <c r="L191" s="12">
        <v>0</v>
      </c>
    </row>
    <row r="192" spans="1:12" x14ac:dyDescent="0.25">
      <c r="A192" s="2" t="s">
        <v>354</v>
      </c>
      <c r="B192" s="4" t="s">
        <v>355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  <c r="L192" s="12">
        <v>0</v>
      </c>
    </row>
    <row r="193" spans="1:12" x14ac:dyDescent="0.25">
      <c r="A193" s="2" t="s">
        <v>356</v>
      </c>
      <c r="B193" s="4" t="s">
        <v>357</v>
      </c>
      <c r="C193" s="12">
        <v>108069400</v>
      </c>
      <c r="D193" s="12">
        <v>87609213.730000004</v>
      </c>
      <c r="E193" s="12">
        <v>2515238.19</v>
      </c>
      <c r="F193" s="12">
        <v>82786050.730000004</v>
      </c>
      <c r="G193" s="12">
        <v>4823163</v>
      </c>
      <c r="H193" s="12">
        <v>12282579.710000001</v>
      </c>
      <c r="I193" s="12">
        <v>82786050.730000004</v>
      </c>
      <c r="J193" s="12">
        <v>4823163</v>
      </c>
      <c r="K193" s="12">
        <v>77784591.280000001</v>
      </c>
      <c r="L193" s="12">
        <v>0</v>
      </c>
    </row>
    <row r="194" spans="1:12" x14ac:dyDescent="0.25">
      <c r="A194" s="3" t="s">
        <v>358</v>
      </c>
      <c r="B194" s="5" t="s">
        <v>359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  <c r="L194" s="11">
        <v>0</v>
      </c>
    </row>
    <row r="195" spans="1:12" x14ac:dyDescent="0.25">
      <c r="A195" s="2" t="s">
        <v>360</v>
      </c>
      <c r="B195" s="4" t="s">
        <v>361</v>
      </c>
      <c r="C195" s="12">
        <v>0</v>
      </c>
      <c r="D195" s="12">
        <v>0</v>
      </c>
      <c r="E195" s="12">
        <v>0</v>
      </c>
      <c r="F195" s="12">
        <v>0</v>
      </c>
      <c r="G195" s="12">
        <v>0</v>
      </c>
      <c r="H195" s="12">
        <v>0</v>
      </c>
      <c r="I195" s="12">
        <v>0</v>
      </c>
      <c r="J195" s="12">
        <v>0</v>
      </c>
      <c r="K195" s="12">
        <v>0</v>
      </c>
      <c r="L195" s="12">
        <v>0</v>
      </c>
    </row>
    <row r="196" spans="1:12" x14ac:dyDescent="0.25">
      <c r="A196" s="2" t="s">
        <v>362</v>
      </c>
      <c r="B196" s="4" t="s">
        <v>363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  <c r="L196" s="12">
        <v>0</v>
      </c>
    </row>
    <row r="197" spans="1:12" x14ac:dyDescent="0.25">
      <c r="A197" s="2" t="s">
        <v>364</v>
      </c>
      <c r="B197" s="4" t="s">
        <v>365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  <c r="L197" s="12">
        <v>0</v>
      </c>
    </row>
    <row r="198" spans="1:12" x14ac:dyDescent="0.25">
      <c r="A198" s="2" t="s">
        <v>366</v>
      </c>
      <c r="B198" s="4" t="s">
        <v>367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  <c r="L198" s="12">
        <v>0</v>
      </c>
    </row>
  </sheetData>
  <mergeCells count="38">
    <mergeCell ref="J187:J188"/>
    <mergeCell ref="K187:K188"/>
    <mergeCell ref="L187:L188"/>
    <mergeCell ref="I120:I121"/>
    <mergeCell ref="A187:A188"/>
    <mergeCell ref="B187:B188"/>
    <mergeCell ref="C187:C188"/>
    <mergeCell ref="D187:D188"/>
    <mergeCell ref="E187:F187"/>
    <mergeCell ref="G187:G188"/>
    <mergeCell ref="H187:I187"/>
    <mergeCell ref="A120:A121"/>
    <mergeCell ref="B120:B121"/>
    <mergeCell ref="C120:C121"/>
    <mergeCell ref="D120:D121"/>
    <mergeCell ref="E120:H120"/>
    <mergeCell ref="G92:G93"/>
    <mergeCell ref="H92:I92"/>
    <mergeCell ref="J92:J93"/>
    <mergeCell ref="K92:K93"/>
    <mergeCell ref="L92:L93"/>
    <mergeCell ref="A92:A93"/>
    <mergeCell ref="B92:B93"/>
    <mergeCell ref="C92:C93"/>
    <mergeCell ref="D92:D93"/>
    <mergeCell ref="E92:F92"/>
    <mergeCell ref="A9:L9"/>
    <mergeCell ref="A10:A11"/>
    <mergeCell ref="B10:B11"/>
    <mergeCell ref="C10:C11"/>
    <mergeCell ref="D10:D11"/>
    <mergeCell ref="E10:H10"/>
    <mergeCell ref="I10:I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26"/>
  <sheetViews>
    <sheetView showGridLines="0" workbookViewId="0"/>
  </sheetViews>
  <sheetFormatPr defaultRowHeight="15" x14ac:dyDescent="0.25"/>
  <cols>
    <col min="1" max="1" width="1.85546875" bestFit="1" customWidth="1"/>
    <col min="2" max="2" width="43.140625" bestFit="1" customWidth="1"/>
    <col min="3" max="5" width="19" bestFit="1" customWidth="1"/>
  </cols>
  <sheetData>
    <row r="3" spans="1:5" x14ac:dyDescent="0.25">
      <c r="A3" s="6" t="s">
        <v>0</v>
      </c>
      <c r="B3" s="7"/>
      <c r="C3" s="7"/>
      <c r="D3" s="7"/>
      <c r="E3" s="7"/>
    </row>
    <row r="4" spans="1:5" x14ac:dyDescent="0.25">
      <c r="A4" s="6" t="s">
        <v>1</v>
      </c>
      <c r="B4" s="7"/>
      <c r="C4" s="7"/>
      <c r="D4" s="7"/>
      <c r="E4" s="7"/>
    </row>
    <row r="5" spans="1:5" x14ac:dyDescent="0.25">
      <c r="A5" s="8" t="s">
        <v>1007</v>
      </c>
      <c r="B5" s="7"/>
      <c r="C5" s="7"/>
      <c r="D5" s="7"/>
      <c r="E5" s="7"/>
    </row>
    <row r="6" spans="1:5" x14ac:dyDescent="0.25">
      <c r="A6" s="6" t="s">
        <v>3</v>
      </c>
      <c r="B6" s="7"/>
      <c r="C6" s="7"/>
      <c r="D6" s="7"/>
      <c r="E6" s="7"/>
    </row>
    <row r="7" spans="1:5" x14ac:dyDescent="0.25">
      <c r="A7" s="6" t="s">
        <v>4</v>
      </c>
      <c r="B7" s="7"/>
      <c r="C7" s="7"/>
      <c r="D7" s="7"/>
      <c r="E7" s="7"/>
    </row>
    <row r="9" spans="1:5" x14ac:dyDescent="0.25">
      <c r="A9" s="9" t="s">
        <v>1008</v>
      </c>
      <c r="B9" s="7"/>
      <c r="C9" s="7"/>
      <c r="D9" s="7"/>
      <c r="E9" s="7"/>
    </row>
    <row r="10" spans="1:5" x14ac:dyDescent="0.25">
      <c r="A10" s="10" t="s">
        <v>6</v>
      </c>
      <c r="B10" s="10" t="s">
        <v>8</v>
      </c>
      <c r="C10" s="10" t="s">
        <v>10</v>
      </c>
      <c r="D10" s="10" t="s">
        <v>1009</v>
      </c>
      <c r="E10" s="10" t="s">
        <v>1010</v>
      </c>
    </row>
    <row r="11" spans="1: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5" x14ac:dyDescent="0.25">
      <c r="A12" s="2" t="s">
        <v>17</v>
      </c>
      <c r="B12" s="4" t="s">
        <v>1011</v>
      </c>
      <c r="C12" s="12">
        <v>153849300</v>
      </c>
      <c r="D12" s="12">
        <v>89394959.689999998</v>
      </c>
      <c r="E12" s="12">
        <v>64454340.310000002</v>
      </c>
    </row>
    <row r="14" spans="1:5" x14ac:dyDescent="0.25">
      <c r="A14" s="10" t="s">
        <v>6</v>
      </c>
      <c r="B14" s="10" t="s">
        <v>165</v>
      </c>
      <c r="C14" s="10" t="s">
        <v>1012</v>
      </c>
      <c r="D14" s="10" t="s">
        <v>1013</v>
      </c>
      <c r="E14" s="10" t="s">
        <v>1014</v>
      </c>
    </row>
    <row r="15" spans="1:5" x14ac:dyDescent="0.25">
      <c r="A15" s="10" t="s">
        <v>7</v>
      </c>
      <c r="B15" s="10" t="s">
        <v>7</v>
      </c>
      <c r="C15" s="10" t="s">
        <v>7</v>
      </c>
      <c r="D15" s="10" t="s">
        <v>7</v>
      </c>
      <c r="E15" s="10" t="s">
        <v>7</v>
      </c>
    </row>
    <row r="16" spans="1:5" x14ac:dyDescent="0.25">
      <c r="A16" s="3" t="s">
        <v>19</v>
      </c>
      <c r="B16" s="5" t="s">
        <v>359</v>
      </c>
      <c r="C16" s="11">
        <v>4219742764.21</v>
      </c>
      <c r="D16" s="11">
        <v>2467667334.6900001</v>
      </c>
      <c r="E16" s="11">
        <v>1752075429.52</v>
      </c>
    </row>
    <row r="17" spans="1:5" x14ac:dyDescent="0.25">
      <c r="A17" s="2" t="s">
        <v>21</v>
      </c>
      <c r="B17" s="4" t="s">
        <v>1015</v>
      </c>
      <c r="C17" s="12">
        <v>3577672215.21</v>
      </c>
      <c r="D17" s="12">
        <v>2004105990.8299999</v>
      </c>
      <c r="E17" s="12">
        <v>1573566224.3800001</v>
      </c>
    </row>
    <row r="18" spans="1:5" x14ac:dyDescent="0.25">
      <c r="A18" s="2" t="s">
        <v>23</v>
      </c>
      <c r="B18" s="4" t="s">
        <v>1016</v>
      </c>
      <c r="C18" s="12">
        <v>149103356</v>
      </c>
      <c r="D18" s="12">
        <v>104118901.13</v>
      </c>
      <c r="E18" s="12">
        <v>44984454.869999997</v>
      </c>
    </row>
    <row r="19" spans="1:5" x14ac:dyDescent="0.25">
      <c r="A19" s="2" t="s">
        <v>25</v>
      </c>
      <c r="B19" s="4" t="s">
        <v>1017</v>
      </c>
      <c r="C19" s="12">
        <v>492967193</v>
      </c>
      <c r="D19" s="12">
        <v>359442442.73000002</v>
      </c>
      <c r="E19" s="12">
        <v>133524750.27</v>
      </c>
    </row>
    <row r="20" spans="1:5" x14ac:dyDescent="0.25">
      <c r="A20" s="2" t="s">
        <v>27</v>
      </c>
      <c r="B20" s="4" t="s">
        <v>1018</v>
      </c>
      <c r="C20" s="12">
        <v>0</v>
      </c>
      <c r="D20" s="12">
        <v>0</v>
      </c>
      <c r="E20" s="12">
        <v>0</v>
      </c>
    </row>
    <row r="21" spans="1:5" x14ac:dyDescent="0.25">
      <c r="A21" s="2" t="s">
        <v>29</v>
      </c>
      <c r="B21" s="4" t="s">
        <v>1019</v>
      </c>
      <c r="C21" s="12">
        <v>0</v>
      </c>
      <c r="D21" s="12">
        <v>0</v>
      </c>
      <c r="E21" s="12">
        <v>0</v>
      </c>
    </row>
    <row r="22" spans="1:5" x14ac:dyDescent="0.25">
      <c r="A22" s="3" t="s">
        <v>31</v>
      </c>
      <c r="B22" s="5" t="s">
        <v>1020</v>
      </c>
      <c r="C22" s="11">
        <v>4219742764.21</v>
      </c>
      <c r="D22" s="11">
        <v>2467667334.6900001</v>
      </c>
      <c r="E22" s="11">
        <v>1752075429.52</v>
      </c>
    </row>
    <row r="24" spans="1:5" x14ac:dyDescent="0.25">
      <c r="A24" s="10" t="s">
        <v>6</v>
      </c>
      <c r="B24" s="10" t="s">
        <v>1021</v>
      </c>
      <c r="C24" s="10" t="s">
        <v>1022</v>
      </c>
      <c r="D24" s="10" t="s">
        <v>1023</v>
      </c>
      <c r="E24" s="10" t="s">
        <v>1024</v>
      </c>
    </row>
    <row r="25" spans="1:5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</row>
    <row r="26" spans="1:5" x14ac:dyDescent="0.25">
      <c r="A26" s="2" t="s">
        <v>33</v>
      </c>
      <c r="B26" s="4" t="s">
        <v>1025</v>
      </c>
      <c r="C26" s="12">
        <v>4065893464.21</v>
      </c>
      <c r="D26" s="12">
        <v>2378272375</v>
      </c>
      <c r="E26" s="12">
        <v>1687621089.21</v>
      </c>
    </row>
  </sheetData>
  <mergeCells count="21">
    <mergeCell ref="A24:A25"/>
    <mergeCell ref="B24:B25"/>
    <mergeCell ref="C24:C25"/>
    <mergeCell ref="D24:D25"/>
    <mergeCell ref="E24:E25"/>
    <mergeCell ref="A14:A15"/>
    <mergeCell ref="B14:B15"/>
    <mergeCell ref="C14:C15"/>
    <mergeCell ref="D14:D15"/>
    <mergeCell ref="E14:E15"/>
    <mergeCell ref="A9:E9"/>
    <mergeCell ref="A10:A11"/>
    <mergeCell ref="B10:B11"/>
    <mergeCell ref="C10:C11"/>
    <mergeCell ref="D10:D11"/>
    <mergeCell ref="E10:E11"/>
    <mergeCell ref="A3:E3"/>
    <mergeCell ref="A4:E4"/>
    <mergeCell ref="A5:E5"/>
    <mergeCell ref="A6:E6"/>
    <mergeCell ref="A7:E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86"/>
  <sheetViews>
    <sheetView showGridLines="0" workbookViewId="0"/>
  </sheetViews>
  <sheetFormatPr defaultRowHeight="15" x14ac:dyDescent="0.25"/>
  <cols>
    <col min="1" max="1" width="3.28515625" bestFit="1" customWidth="1"/>
    <col min="2" max="2" width="10.85546875" bestFit="1" customWidth="1"/>
    <col min="3" max="5" width="16.85546875" bestFit="1" customWidth="1"/>
    <col min="6" max="6" width="18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026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027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028</v>
      </c>
      <c r="C10" s="10" t="s">
        <v>1029</v>
      </c>
      <c r="D10" s="10" t="s">
        <v>1030</v>
      </c>
      <c r="E10" s="10" t="s">
        <v>1031</v>
      </c>
      <c r="F10" s="10" t="s">
        <v>1032</v>
      </c>
    </row>
    <row r="11" spans="1:6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</row>
    <row r="12" spans="1:6" x14ac:dyDescent="0.25">
      <c r="A12" s="2" t="s">
        <v>17</v>
      </c>
      <c r="B12" s="4" t="s">
        <v>1033</v>
      </c>
      <c r="C12" s="12">
        <v>2962963234.8800001</v>
      </c>
      <c r="D12" s="12">
        <v>3090560943.7600002</v>
      </c>
      <c r="E12" s="12">
        <v>-127597708.88</v>
      </c>
      <c r="F12" s="12">
        <v>1671693.61</v>
      </c>
    </row>
    <row r="13" spans="1:6" x14ac:dyDescent="0.25">
      <c r="A13" s="2" t="s">
        <v>19</v>
      </c>
      <c r="B13" s="4" t="s">
        <v>1034</v>
      </c>
      <c r="C13" s="12">
        <v>3158841890.5</v>
      </c>
      <c r="D13" s="12">
        <v>3523433442.8899999</v>
      </c>
      <c r="E13" s="12">
        <v>-364591552.38999999</v>
      </c>
      <c r="F13" s="12">
        <v>-362919858.77999997</v>
      </c>
    </row>
    <row r="14" spans="1:6" x14ac:dyDescent="0.25">
      <c r="A14" s="2" t="s">
        <v>21</v>
      </c>
      <c r="B14" s="4" t="s">
        <v>1035</v>
      </c>
      <c r="C14" s="12">
        <v>3145152094.6799998</v>
      </c>
      <c r="D14" s="12">
        <v>3488302398.5500002</v>
      </c>
      <c r="E14" s="12">
        <v>-343150303.87</v>
      </c>
      <c r="F14" s="12">
        <v>-706070162.65999997</v>
      </c>
    </row>
    <row r="15" spans="1:6" x14ac:dyDescent="0.25">
      <c r="A15" s="2" t="s">
        <v>23</v>
      </c>
      <c r="B15" s="4" t="s">
        <v>1036</v>
      </c>
      <c r="C15" s="12">
        <v>3129438969.6300001</v>
      </c>
      <c r="D15" s="12">
        <v>3445618893.6700001</v>
      </c>
      <c r="E15" s="12">
        <v>-316179924.02999997</v>
      </c>
      <c r="F15" s="12">
        <v>-1022250086.6900001</v>
      </c>
    </row>
    <row r="16" spans="1:6" x14ac:dyDescent="0.25">
      <c r="A16" s="2" t="s">
        <v>25</v>
      </c>
      <c r="B16" s="4" t="s">
        <v>1037</v>
      </c>
      <c r="C16" s="12">
        <v>3119885342.21</v>
      </c>
      <c r="D16" s="12">
        <v>3417340147.6900001</v>
      </c>
      <c r="E16" s="12">
        <v>-297454805.48000002</v>
      </c>
      <c r="F16" s="12">
        <v>-1319704892.1700001</v>
      </c>
    </row>
    <row r="17" spans="1:6" x14ac:dyDescent="0.25">
      <c r="A17" s="2" t="s">
        <v>27</v>
      </c>
      <c r="B17" s="4" t="s">
        <v>1038</v>
      </c>
      <c r="C17" s="12">
        <v>3115250270.6599998</v>
      </c>
      <c r="D17" s="12">
        <v>3401645703.0300002</v>
      </c>
      <c r="E17" s="12">
        <v>-286395432.37</v>
      </c>
      <c r="F17" s="12">
        <v>-1606100324.54</v>
      </c>
    </row>
    <row r="18" spans="1:6" x14ac:dyDescent="0.25">
      <c r="A18" s="2" t="s">
        <v>29</v>
      </c>
      <c r="B18" s="4" t="s">
        <v>1039</v>
      </c>
      <c r="C18" s="12">
        <v>3112377995.5500002</v>
      </c>
      <c r="D18" s="12">
        <v>3390646882.6300001</v>
      </c>
      <c r="E18" s="12">
        <v>-278268887.06999999</v>
      </c>
      <c r="F18" s="12">
        <v>-1884369211.6099999</v>
      </c>
    </row>
    <row r="19" spans="1:6" x14ac:dyDescent="0.25">
      <c r="A19" s="2" t="s">
        <v>31</v>
      </c>
      <c r="B19" s="4" t="s">
        <v>1040</v>
      </c>
      <c r="C19" s="12">
        <v>3105444089.3000002</v>
      </c>
      <c r="D19" s="12">
        <v>3374595244.6900001</v>
      </c>
      <c r="E19" s="12">
        <v>-269151155.38999999</v>
      </c>
      <c r="F19" s="12">
        <v>-2153520367</v>
      </c>
    </row>
    <row r="20" spans="1:6" x14ac:dyDescent="0.25">
      <c r="A20" s="2" t="s">
        <v>33</v>
      </c>
      <c r="B20" s="4" t="s">
        <v>1041</v>
      </c>
      <c r="C20" s="12">
        <v>3102815215.1700001</v>
      </c>
      <c r="D20" s="12">
        <v>3368055922.6199999</v>
      </c>
      <c r="E20" s="12">
        <v>-265240707.44999999</v>
      </c>
      <c r="F20" s="12">
        <v>-2418761074.4499998</v>
      </c>
    </row>
    <row r="21" spans="1:6" x14ac:dyDescent="0.25">
      <c r="A21" s="2" t="s">
        <v>35</v>
      </c>
      <c r="B21" s="4" t="s">
        <v>1042</v>
      </c>
      <c r="C21" s="12">
        <v>3091677941.3499999</v>
      </c>
      <c r="D21" s="12">
        <v>3345756778.6999998</v>
      </c>
      <c r="E21" s="12">
        <v>-254078837.34999999</v>
      </c>
      <c r="F21" s="12">
        <v>-2672839911.8000002</v>
      </c>
    </row>
    <row r="22" spans="1:6" x14ac:dyDescent="0.25">
      <c r="A22" s="2" t="s">
        <v>37</v>
      </c>
      <c r="B22" s="4" t="s">
        <v>1043</v>
      </c>
      <c r="C22" s="12">
        <v>3077025642.0300002</v>
      </c>
      <c r="D22" s="12">
        <v>3316877075.2800002</v>
      </c>
      <c r="E22" s="12">
        <v>-239851433.25</v>
      </c>
      <c r="F22" s="12">
        <v>-2912691345.0500002</v>
      </c>
    </row>
    <row r="23" spans="1:6" x14ac:dyDescent="0.25">
      <c r="A23" s="2" t="s">
        <v>39</v>
      </c>
      <c r="B23" s="4" t="s">
        <v>1044</v>
      </c>
      <c r="C23" s="12">
        <v>3065431798.8099999</v>
      </c>
      <c r="D23" s="12">
        <v>3296063006.0799999</v>
      </c>
      <c r="E23" s="12">
        <v>-230631207.25999999</v>
      </c>
      <c r="F23" s="12">
        <v>-3143322552.3099999</v>
      </c>
    </row>
    <row r="24" spans="1:6" x14ac:dyDescent="0.25">
      <c r="A24" s="2" t="s">
        <v>41</v>
      </c>
      <c r="B24" s="4" t="s">
        <v>1045</v>
      </c>
      <c r="C24" s="12">
        <v>3047212410.9499998</v>
      </c>
      <c r="D24" s="12">
        <v>3262658306.3800001</v>
      </c>
      <c r="E24" s="12">
        <v>-215445895.44</v>
      </c>
      <c r="F24" s="12">
        <v>-3358768447.75</v>
      </c>
    </row>
    <row r="25" spans="1:6" x14ac:dyDescent="0.25">
      <c r="A25" s="2" t="s">
        <v>43</v>
      </c>
      <c r="B25" s="4" t="s">
        <v>1046</v>
      </c>
      <c r="C25" s="12">
        <v>3025109842.4099998</v>
      </c>
      <c r="D25" s="12">
        <v>3222602434.23</v>
      </c>
      <c r="E25" s="12">
        <v>-197492591.81999999</v>
      </c>
      <c r="F25" s="12">
        <v>-3556261039.5700002</v>
      </c>
    </row>
    <row r="26" spans="1:6" x14ac:dyDescent="0.25">
      <c r="A26" s="2" t="s">
        <v>45</v>
      </c>
      <c r="B26" s="4" t="s">
        <v>1047</v>
      </c>
      <c r="C26" s="12">
        <v>3004741533.0300002</v>
      </c>
      <c r="D26" s="12">
        <v>3187391115.8600001</v>
      </c>
      <c r="E26" s="12">
        <v>-182649582.81999999</v>
      </c>
      <c r="F26" s="12">
        <v>-3738910622.4000001</v>
      </c>
    </row>
    <row r="27" spans="1:6" x14ac:dyDescent="0.25">
      <c r="A27" s="2" t="s">
        <v>47</v>
      </c>
      <c r="B27" s="4" t="s">
        <v>1048</v>
      </c>
      <c r="C27" s="12">
        <v>2977535512.9499998</v>
      </c>
      <c r="D27" s="12">
        <v>3139490512.5799999</v>
      </c>
      <c r="E27" s="12">
        <v>-161954999.63999999</v>
      </c>
      <c r="F27" s="12">
        <v>-3900865622.0300002</v>
      </c>
    </row>
    <row r="28" spans="1:6" x14ac:dyDescent="0.25">
      <c r="A28" s="2" t="s">
        <v>49</v>
      </c>
      <c r="B28" s="4" t="s">
        <v>1049</v>
      </c>
      <c r="C28" s="12">
        <v>2948341960.54</v>
      </c>
      <c r="D28" s="12">
        <v>3088599852.0999999</v>
      </c>
      <c r="E28" s="12">
        <v>-140257891.56</v>
      </c>
      <c r="F28" s="12">
        <v>-4041123513.5999999</v>
      </c>
    </row>
    <row r="29" spans="1:6" x14ac:dyDescent="0.25">
      <c r="A29" s="2" t="s">
        <v>51</v>
      </c>
      <c r="B29" s="4" t="s">
        <v>1050</v>
      </c>
      <c r="C29" s="12">
        <v>2917910335.2800002</v>
      </c>
      <c r="D29" s="12">
        <v>3036717188.1900001</v>
      </c>
      <c r="E29" s="12">
        <v>-118806852.91</v>
      </c>
      <c r="F29" s="12">
        <v>-4159930366.5100002</v>
      </c>
    </row>
    <row r="30" spans="1:6" x14ac:dyDescent="0.25">
      <c r="A30" s="2" t="s">
        <v>53</v>
      </c>
      <c r="B30" s="4" t="s">
        <v>1051</v>
      </c>
      <c r="C30" s="12">
        <v>2888838217.6700001</v>
      </c>
      <c r="D30" s="12">
        <v>2989631245.3099999</v>
      </c>
      <c r="E30" s="12">
        <v>-100793027.64</v>
      </c>
      <c r="F30" s="12">
        <v>-4260723394.1500001</v>
      </c>
    </row>
    <row r="31" spans="1:6" x14ac:dyDescent="0.25">
      <c r="A31" s="2" t="s">
        <v>55</v>
      </c>
      <c r="B31" s="4" t="s">
        <v>1052</v>
      </c>
      <c r="C31" s="12">
        <v>2858793410.7399998</v>
      </c>
      <c r="D31" s="12">
        <v>2941468806.0500002</v>
      </c>
      <c r="E31" s="12">
        <v>-82675395.310000002</v>
      </c>
      <c r="F31" s="12">
        <v>-4343398789.46</v>
      </c>
    </row>
    <row r="32" spans="1:6" x14ac:dyDescent="0.25">
      <c r="A32" s="2" t="s">
        <v>57</v>
      </c>
      <c r="B32" s="4" t="s">
        <v>1053</v>
      </c>
      <c r="C32" s="12">
        <v>2828300768.0799999</v>
      </c>
      <c r="D32" s="12">
        <v>2893754436.3600001</v>
      </c>
      <c r="E32" s="12">
        <v>-65453668.289999999</v>
      </c>
      <c r="F32" s="12">
        <v>-4408852457.7399998</v>
      </c>
    </row>
    <row r="33" spans="1:6" x14ac:dyDescent="0.25">
      <c r="A33" s="2" t="s">
        <v>59</v>
      </c>
      <c r="B33" s="4" t="s">
        <v>1054</v>
      </c>
      <c r="C33" s="12">
        <v>2800914092.3200002</v>
      </c>
      <c r="D33" s="12">
        <v>2852718980.1100001</v>
      </c>
      <c r="E33" s="12">
        <v>-51804887.789999999</v>
      </c>
      <c r="F33" s="12">
        <v>-4460657345.5299997</v>
      </c>
    </row>
    <row r="34" spans="1:6" x14ac:dyDescent="0.25">
      <c r="A34" s="2" t="s">
        <v>61</v>
      </c>
      <c r="B34" s="4" t="s">
        <v>1055</v>
      </c>
      <c r="C34" s="12">
        <v>2769082926.7600002</v>
      </c>
      <c r="D34" s="12">
        <v>2804113742.96</v>
      </c>
      <c r="E34" s="12">
        <v>-35030816.200000003</v>
      </c>
      <c r="F34" s="12">
        <v>-4495688161.7299995</v>
      </c>
    </row>
    <row r="35" spans="1:6" x14ac:dyDescent="0.25">
      <c r="A35" s="2" t="s">
        <v>63</v>
      </c>
      <c r="B35" s="4" t="s">
        <v>1056</v>
      </c>
      <c r="C35" s="12">
        <v>2737565120.23</v>
      </c>
      <c r="D35" s="12">
        <v>2755918017.6799998</v>
      </c>
      <c r="E35" s="12">
        <v>-18352897.449999999</v>
      </c>
      <c r="F35" s="12">
        <v>-4514041059.1700001</v>
      </c>
    </row>
    <row r="36" spans="1:6" x14ac:dyDescent="0.25">
      <c r="A36" s="2" t="s">
        <v>65</v>
      </c>
      <c r="B36" s="4" t="s">
        <v>1057</v>
      </c>
      <c r="C36" s="12">
        <v>2706734316.5</v>
      </c>
      <c r="D36" s="12">
        <v>2710922464.6799998</v>
      </c>
      <c r="E36" s="12">
        <v>-4188148.18</v>
      </c>
      <c r="F36" s="12">
        <v>-4518229207.3599997</v>
      </c>
    </row>
    <row r="37" spans="1:6" x14ac:dyDescent="0.25">
      <c r="A37" s="2" t="s">
        <v>67</v>
      </c>
      <c r="B37" s="4" t="s">
        <v>1058</v>
      </c>
      <c r="C37" s="12">
        <v>2671276509.6999998</v>
      </c>
      <c r="D37" s="12">
        <v>2655071825.8400002</v>
      </c>
      <c r="E37" s="12">
        <v>16204683.85</v>
      </c>
      <c r="F37" s="12">
        <v>-4502024523.5100002</v>
      </c>
    </row>
    <row r="38" spans="1:6" x14ac:dyDescent="0.25">
      <c r="A38" s="2" t="s">
        <v>69</v>
      </c>
      <c r="B38" s="4" t="s">
        <v>1059</v>
      </c>
      <c r="C38" s="12">
        <v>2630775315.2600002</v>
      </c>
      <c r="D38" s="12">
        <v>2588440550.0799999</v>
      </c>
      <c r="E38" s="12">
        <v>42334765.18</v>
      </c>
      <c r="F38" s="12">
        <v>-4459689758.3299999</v>
      </c>
    </row>
    <row r="39" spans="1:6" x14ac:dyDescent="0.25">
      <c r="A39" s="2" t="s">
        <v>71</v>
      </c>
      <c r="B39" s="4" t="s">
        <v>1060</v>
      </c>
      <c r="C39" s="12">
        <v>2590845348.23</v>
      </c>
      <c r="D39" s="12">
        <v>2521829177.6500001</v>
      </c>
      <c r="E39" s="12">
        <v>69016170.579999998</v>
      </c>
      <c r="F39" s="12">
        <v>-4390673587.75</v>
      </c>
    </row>
    <row r="40" spans="1:6" x14ac:dyDescent="0.25">
      <c r="A40" s="2" t="s">
        <v>73</v>
      </c>
      <c r="B40" s="4" t="s">
        <v>1061</v>
      </c>
      <c r="C40" s="12">
        <v>2548775508.5999999</v>
      </c>
      <c r="D40" s="12">
        <v>2450620126.9899998</v>
      </c>
      <c r="E40" s="12">
        <v>98155381.609999999</v>
      </c>
      <c r="F40" s="12">
        <v>-4292518206.1399999</v>
      </c>
    </row>
    <row r="41" spans="1:6" x14ac:dyDescent="0.25">
      <c r="A41" s="2" t="s">
        <v>75</v>
      </c>
      <c r="B41" s="4" t="s">
        <v>1062</v>
      </c>
      <c r="C41" s="12">
        <v>2506077352.5300002</v>
      </c>
      <c r="D41" s="12">
        <v>2376473998.8099999</v>
      </c>
      <c r="E41" s="12">
        <v>129603353.72</v>
      </c>
      <c r="F41" s="12">
        <v>-4162914852.4200001</v>
      </c>
    </row>
    <row r="42" spans="1:6" x14ac:dyDescent="0.25">
      <c r="A42" s="2" t="s">
        <v>77</v>
      </c>
      <c r="B42" s="4" t="s">
        <v>1063</v>
      </c>
      <c r="C42" s="12">
        <v>2465417860.2199998</v>
      </c>
      <c r="D42" s="12">
        <v>2305338188.25</v>
      </c>
      <c r="E42" s="12">
        <v>160079671.97</v>
      </c>
      <c r="F42" s="12">
        <v>-4002835180.4499998</v>
      </c>
    </row>
    <row r="43" spans="1:6" x14ac:dyDescent="0.25">
      <c r="A43" s="2" t="s">
        <v>79</v>
      </c>
      <c r="B43" s="4" t="s">
        <v>1064</v>
      </c>
      <c r="C43" s="12">
        <v>2425412086.6700001</v>
      </c>
      <c r="D43" s="12">
        <v>2235303326.5500002</v>
      </c>
      <c r="E43" s="12">
        <v>190108760.12</v>
      </c>
      <c r="F43" s="12">
        <v>-3812726420.3299999</v>
      </c>
    </row>
    <row r="44" spans="1:6" x14ac:dyDescent="0.25">
      <c r="A44" s="2" t="s">
        <v>81</v>
      </c>
      <c r="B44" s="4" t="s">
        <v>1065</v>
      </c>
      <c r="C44" s="12">
        <v>2387724537.5900002</v>
      </c>
      <c r="D44" s="12">
        <v>2168560055.7600002</v>
      </c>
      <c r="E44" s="12">
        <v>219164481.83000001</v>
      </c>
      <c r="F44" s="12">
        <v>-3593561938.5</v>
      </c>
    </row>
    <row r="45" spans="1:6" x14ac:dyDescent="0.25">
      <c r="A45" s="2" t="s">
        <v>83</v>
      </c>
      <c r="B45" s="4" t="s">
        <v>1066</v>
      </c>
      <c r="C45" s="12">
        <v>2350671551.77</v>
      </c>
      <c r="D45" s="12">
        <v>2103954261.45</v>
      </c>
      <c r="E45" s="12">
        <v>246717290.31</v>
      </c>
      <c r="F45" s="12">
        <v>-3346844648.1900001</v>
      </c>
    </row>
    <row r="46" spans="1:6" x14ac:dyDescent="0.25">
      <c r="A46" s="2" t="s">
        <v>85</v>
      </c>
      <c r="B46" s="4" t="s">
        <v>1067</v>
      </c>
      <c r="C46" s="12">
        <v>2314334488.2600002</v>
      </c>
      <c r="D46" s="12">
        <v>2039426446.1700001</v>
      </c>
      <c r="E46" s="12">
        <v>274908042.10000002</v>
      </c>
      <c r="F46" s="12">
        <v>-3071936606.0900002</v>
      </c>
    </row>
    <row r="47" spans="1:6" x14ac:dyDescent="0.25">
      <c r="A47" s="2" t="s">
        <v>87</v>
      </c>
      <c r="B47" s="4" t="s">
        <v>1068</v>
      </c>
      <c r="C47" s="12">
        <v>2282166188.4699998</v>
      </c>
      <c r="D47" s="12">
        <v>1981886650.9100001</v>
      </c>
      <c r="E47" s="12">
        <v>300279537.56999999</v>
      </c>
      <c r="F47" s="12">
        <v>-2771657068.52</v>
      </c>
    </row>
    <row r="48" spans="1:6" x14ac:dyDescent="0.25">
      <c r="A48" s="2" t="s">
        <v>89</v>
      </c>
      <c r="B48" s="4" t="s">
        <v>1069</v>
      </c>
      <c r="C48" s="12">
        <v>2249087677.52</v>
      </c>
      <c r="D48" s="12">
        <v>1922150074.6300001</v>
      </c>
      <c r="E48" s="12">
        <v>326937602.88999999</v>
      </c>
      <c r="F48" s="12">
        <v>-2444719465.6300001</v>
      </c>
    </row>
    <row r="49" spans="1:6" x14ac:dyDescent="0.25">
      <c r="A49" s="2" t="s">
        <v>91</v>
      </c>
      <c r="B49" s="4" t="s">
        <v>1070</v>
      </c>
      <c r="C49" s="12">
        <v>2217930074.8800001</v>
      </c>
      <c r="D49" s="12">
        <v>1864629228.2</v>
      </c>
      <c r="E49" s="12">
        <v>353300846.68000001</v>
      </c>
      <c r="F49" s="12">
        <v>-2091418618.95</v>
      </c>
    </row>
    <row r="50" spans="1:6" x14ac:dyDescent="0.25">
      <c r="A50" s="2" t="s">
        <v>93</v>
      </c>
      <c r="B50" s="4" t="s">
        <v>1071</v>
      </c>
      <c r="C50" s="12">
        <v>2188380003.9699998</v>
      </c>
      <c r="D50" s="12">
        <v>1809871478.79</v>
      </c>
      <c r="E50" s="12">
        <v>378508525.18000001</v>
      </c>
      <c r="F50" s="12">
        <v>-1712910093.77</v>
      </c>
    </row>
    <row r="51" spans="1:6" x14ac:dyDescent="0.25">
      <c r="A51" s="2" t="s">
        <v>95</v>
      </c>
      <c r="B51" s="4" t="s">
        <v>1072</v>
      </c>
      <c r="C51" s="12">
        <v>2165253579.79</v>
      </c>
      <c r="D51" s="12">
        <v>1765759650.0699999</v>
      </c>
      <c r="E51" s="12">
        <v>399493929.72000003</v>
      </c>
      <c r="F51" s="12">
        <v>-1313416164.05</v>
      </c>
    </row>
    <row r="52" spans="1:6" x14ac:dyDescent="0.25">
      <c r="A52" s="2" t="s">
        <v>97</v>
      </c>
      <c r="B52" s="4" t="s">
        <v>1073</v>
      </c>
      <c r="C52" s="12">
        <v>2140658682.55</v>
      </c>
      <c r="D52" s="12">
        <v>1721114957.6199999</v>
      </c>
      <c r="E52" s="12">
        <v>419543724.93000001</v>
      </c>
      <c r="F52" s="12">
        <v>-893872439.12</v>
      </c>
    </row>
    <row r="53" spans="1:6" x14ac:dyDescent="0.25">
      <c r="A53" s="2" t="s">
        <v>99</v>
      </c>
      <c r="B53" s="4" t="s">
        <v>1074</v>
      </c>
      <c r="C53" s="12">
        <v>2120893019.8399999</v>
      </c>
      <c r="D53" s="12">
        <v>1683997338.01</v>
      </c>
      <c r="E53" s="12">
        <v>436895681.81999999</v>
      </c>
      <c r="F53" s="12">
        <v>-456976757.30000001</v>
      </c>
    </row>
    <row r="54" spans="1:6" x14ac:dyDescent="0.25">
      <c r="A54" s="2" t="s">
        <v>101</v>
      </c>
      <c r="B54" s="4" t="s">
        <v>1075</v>
      </c>
      <c r="C54" s="12">
        <v>2101797172.05</v>
      </c>
      <c r="D54" s="12">
        <v>1648830367.5699999</v>
      </c>
      <c r="E54" s="12">
        <v>452966804.48000002</v>
      </c>
      <c r="F54" s="12">
        <v>-4009952.82</v>
      </c>
    </row>
    <row r="55" spans="1:6" x14ac:dyDescent="0.25">
      <c r="A55" s="2" t="s">
        <v>103</v>
      </c>
      <c r="B55" s="4" t="s">
        <v>1076</v>
      </c>
      <c r="C55" s="12">
        <v>2087798397.8699999</v>
      </c>
      <c r="D55" s="12">
        <v>1619434030.02</v>
      </c>
      <c r="E55" s="12">
        <v>468364367.86000001</v>
      </c>
      <c r="F55" s="12">
        <v>464354415.04000002</v>
      </c>
    </row>
    <row r="56" spans="1:6" x14ac:dyDescent="0.25">
      <c r="A56" s="2" t="s">
        <v>105</v>
      </c>
      <c r="B56" s="4" t="s">
        <v>1077</v>
      </c>
      <c r="C56" s="12">
        <v>2096894459.6900001</v>
      </c>
      <c r="D56" s="12">
        <v>1594961216.28</v>
      </c>
      <c r="E56" s="12">
        <v>501933243.41000003</v>
      </c>
      <c r="F56" s="12">
        <v>966287658.45000005</v>
      </c>
    </row>
    <row r="57" spans="1:6" x14ac:dyDescent="0.25">
      <c r="A57" s="2" t="s">
        <v>107</v>
      </c>
      <c r="B57" s="4" t="s">
        <v>1078</v>
      </c>
      <c r="C57" s="12">
        <v>2108850968.9100001</v>
      </c>
      <c r="D57" s="12">
        <v>1573706629.48</v>
      </c>
      <c r="E57" s="12">
        <v>535144339.42000002</v>
      </c>
      <c r="F57" s="12">
        <v>1501431997.8699999</v>
      </c>
    </row>
    <row r="58" spans="1:6" x14ac:dyDescent="0.25">
      <c r="A58" s="2" t="s">
        <v>109</v>
      </c>
      <c r="B58" s="4" t="s">
        <v>1079</v>
      </c>
      <c r="C58" s="12">
        <v>2125196118.5699999</v>
      </c>
      <c r="D58" s="12">
        <v>1557038759.3</v>
      </c>
      <c r="E58" s="12">
        <v>568157359.27999997</v>
      </c>
      <c r="F58" s="12">
        <v>2069589357.1500001</v>
      </c>
    </row>
    <row r="59" spans="1:6" x14ac:dyDescent="0.25">
      <c r="A59" s="2" t="s">
        <v>111</v>
      </c>
      <c r="B59" s="4" t="s">
        <v>1080</v>
      </c>
      <c r="C59" s="12">
        <v>2144384525.8</v>
      </c>
      <c r="D59" s="12">
        <v>1543593672.53</v>
      </c>
      <c r="E59" s="12">
        <v>600790853.26999998</v>
      </c>
      <c r="F59" s="12">
        <v>2670380210.4200001</v>
      </c>
    </row>
    <row r="60" spans="1:6" x14ac:dyDescent="0.25">
      <c r="A60" s="2" t="s">
        <v>113</v>
      </c>
      <c r="B60" s="4" t="s">
        <v>1081</v>
      </c>
      <c r="C60" s="12">
        <v>2165975605.5500002</v>
      </c>
      <c r="D60" s="12">
        <v>1531394469.73</v>
      </c>
      <c r="E60" s="12">
        <v>634581135.82000005</v>
      </c>
      <c r="F60" s="12">
        <v>3304961346.25</v>
      </c>
    </row>
    <row r="61" spans="1:6" x14ac:dyDescent="0.25">
      <c r="A61" s="2" t="s">
        <v>115</v>
      </c>
      <c r="B61" s="4" t="s">
        <v>1082</v>
      </c>
      <c r="C61" s="12">
        <v>2191332826.52</v>
      </c>
      <c r="D61" s="12">
        <v>1523539327.95</v>
      </c>
      <c r="E61" s="12">
        <v>667793498.58000004</v>
      </c>
      <c r="F61" s="12">
        <v>3972754844.8299999</v>
      </c>
    </row>
    <row r="62" spans="1:6" x14ac:dyDescent="0.25">
      <c r="A62" s="2" t="s">
        <v>117</v>
      </c>
      <c r="B62" s="4" t="s">
        <v>1083</v>
      </c>
      <c r="C62" s="12">
        <v>2219395744.2800002</v>
      </c>
      <c r="D62" s="12">
        <v>1517286987.9300001</v>
      </c>
      <c r="E62" s="12">
        <v>702108756.36000001</v>
      </c>
      <c r="F62" s="12">
        <v>4674863601.1800003</v>
      </c>
    </row>
    <row r="63" spans="1:6" x14ac:dyDescent="0.25">
      <c r="A63" s="2" t="s">
        <v>119</v>
      </c>
      <c r="B63" s="4" t="s">
        <v>1084</v>
      </c>
      <c r="C63" s="12">
        <v>2250906399.23</v>
      </c>
      <c r="D63" s="12">
        <v>1515140566.8499999</v>
      </c>
      <c r="E63" s="12">
        <v>735765832.38</v>
      </c>
      <c r="F63" s="12">
        <v>5410629433.5600004</v>
      </c>
    </row>
    <row r="64" spans="1:6" x14ac:dyDescent="0.25">
      <c r="A64" s="2" t="s">
        <v>120</v>
      </c>
      <c r="B64" s="4" t="s">
        <v>1085</v>
      </c>
      <c r="C64" s="12">
        <v>2284871090.4899998</v>
      </c>
      <c r="D64" s="12">
        <v>1513901692.9000001</v>
      </c>
      <c r="E64" s="12">
        <v>770969397.59000003</v>
      </c>
      <c r="F64" s="12">
        <v>6181598831.1499996</v>
      </c>
    </row>
    <row r="65" spans="1:6" x14ac:dyDescent="0.25">
      <c r="A65" s="2" t="s">
        <v>121</v>
      </c>
      <c r="B65" s="4" t="s">
        <v>1086</v>
      </c>
      <c r="C65" s="12">
        <v>2320161863.25</v>
      </c>
      <c r="D65" s="12">
        <v>1512974740.49</v>
      </c>
      <c r="E65" s="12">
        <v>807187122.75999999</v>
      </c>
      <c r="F65" s="12">
        <v>6988785953.9099998</v>
      </c>
    </row>
    <row r="66" spans="1:6" x14ac:dyDescent="0.25">
      <c r="A66" s="2" t="s">
        <v>122</v>
      </c>
      <c r="B66" s="4" t="s">
        <v>1087</v>
      </c>
      <c r="C66" s="12">
        <v>2360197006.4099998</v>
      </c>
      <c r="D66" s="12">
        <v>1515988785.5899999</v>
      </c>
      <c r="E66" s="12">
        <v>844208220.83000004</v>
      </c>
      <c r="F66" s="12">
        <v>7832994174.7399998</v>
      </c>
    </row>
    <row r="67" spans="1:6" x14ac:dyDescent="0.25">
      <c r="A67" s="2" t="s">
        <v>123</v>
      </c>
      <c r="B67" s="4" t="s">
        <v>1088</v>
      </c>
      <c r="C67" s="12">
        <v>2398218018.04</v>
      </c>
      <c r="D67" s="12">
        <v>1514795950.51</v>
      </c>
      <c r="E67" s="12">
        <v>883422067.52999997</v>
      </c>
      <c r="F67" s="12">
        <v>8716416242.2700005</v>
      </c>
    </row>
    <row r="68" spans="1:6" x14ac:dyDescent="0.25">
      <c r="A68" s="2" t="s">
        <v>124</v>
      </c>
      <c r="B68" s="4" t="s">
        <v>1089</v>
      </c>
      <c r="C68" s="12">
        <v>2441574477.54</v>
      </c>
      <c r="D68" s="12">
        <v>1516957853.6700001</v>
      </c>
      <c r="E68" s="12">
        <v>924616623.87</v>
      </c>
      <c r="F68" s="12">
        <v>9641032866.1399994</v>
      </c>
    </row>
    <row r="69" spans="1:6" x14ac:dyDescent="0.25">
      <c r="A69" s="2" t="s">
        <v>125</v>
      </c>
      <c r="B69" s="4" t="s">
        <v>1090</v>
      </c>
      <c r="C69" s="12">
        <v>2485922273.5300002</v>
      </c>
      <c r="D69" s="12">
        <v>1519224242.8800001</v>
      </c>
      <c r="E69" s="12">
        <v>966698030.63999999</v>
      </c>
      <c r="F69" s="12">
        <v>10607730896.790001</v>
      </c>
    </row>
    <row r="70" spans="1:6" x14ac:dyDescent="0.25">
      <c r="A70" s="2" t="s">
        <v>126</v>
      </c>
      <c r="B70" s="4" t="s">
        <v>1091</v>
      </c>
      <c r="C70" s="12">
        <v>2534256799.6700001</v>
      </c>
      <c r="D70" s="12">
        <v>1523690206.28</v>
      </c>
      <c r="E70" s="12">
        <v>1010566593.39</v>
      </c>
      <c r="F70" s="12">
        <v>11618297490.18</v>
      </c>
    </row>
    <row r="71" spans="1:6" x14ac:dyDescent="0.25">
      <c r="A71" s="2" t="s">
        <v>127</v>
      </c>
      <c r="B71" s="4" t="s">
        <v>1092</v>
      </c>
      <c r="C71" s="12">
        <v>2226864063.5599999</v>
      </c>
      <c r="D71" s="12">
        <v>1505121491.6500001</v>
      </c>
      <c r="E71" s="12">
        <v>721742571.90999997</v>
      </c>
      <c r="F71" s="12">
        <v>12340040062.09</v>
      </c>
    </row>
    <row r="72" spans="1:6" x14ac:dyDescent="0.25">
      <c r="A72" s="2" t="s">
        <v>129</v>
      </c>
      <c r="B72" s="4" t="s">
        <v>1093</v>
      </c>
      <c r="C72" s="12">
        <v>2262880435.5100002</v>
      </c>
      <c r="D72" s="12">
        <v>1510052409.55</v>
      </c>
      <c r="E72" s="12">
        <v>752828025.95000005</v>
      </c>
      <c r="F72" s="12">
        <v>13092868088.040001</v>
      </c>
    </row>
    <row r="73" spans="1:6" x14ac:dyDescent="0.25">
      <c r="A73" s="2" t="s">
        <v>131</v>
      </c>
      <c r="B73" s="4" t="s">
        <v>1094</v>
      </c>
      <c r="C73" s="12">
        <v>2297752141.7399998</v>
      </c>
      <c r="D73" s="12">
        <v>1511908087.8399999</v>
      </c>
      <c r="E73" s="12">
        <v>785844053.89999998</v>
      </c>
      <c r="F73" s="12">
        <v>13878712141.950001</v>
      </c>
    </row>
    <row r="74" spans="1:6" x14ac:dyDescent="0.25">
      <c r="A74" s="2" t="s">
        <v>133</v>
      </c>
      <c r="B74" s="4" t="s">
        <v>1095</v>
      </c>
      <c r="C74" s="12">
        <v>2335763114.0100002</v>
      </c>
      <c r="D74" s="12">
        <v>1514120583.3199999</v>
      </c>
      <c r="E74" s="12">
        <v>821642530.69000006</v>
      </c>
      <c r="F74" s="12">
        <v>14700354672.639999</v>
      </c>
    </row>
    <row r="75" spans="1:6" x14ac:dyDescent="0.25">
      <c r="A75" s="2" t="s">
        <v>135</v>
      </c>
      <c r="B75" s="4" t="s">
        <v>1096</v>
      </c>
      <c r="C75" s="12">
        <v>2373429787.21</v>
      </c>
      <c r="D75" s="12">
        <v>1513740276.3900001</v>
      </c>
      <c r="E75" s="12">
        <v>859689510.82000005</v>
      </c>
      <c r="F75" s="12">
        <v>15560044183.459999</v>
      </c>
    </row>
    <row r="76" spans="1:6" x14ac:dyDescent="0.25">
      <c r="A76" s="2" t="s">
        <v>137</v>
      </c>
      <c r="B76" s="4" t="s">
        <v>1097</v>
      </c>
      <c r="C76" s="12">
        <v>2413608932.7600002</v>
      </c>
      <c r="D76" s="12">
        <v>1513166257.1099999</v>
      </c>
      <c r="E76" s="12">
        <v>900442675.63999999</v>
      </c>
      <c r="F76" s="12">
        <v>16460486859.1</v>
      </c>
    </row>
    <row r="77" spans="1:6" x14ac:dyDescent="0.25">
      <c r="A77" s="2" t="s">
        <v>139</v>
      </c>
      <c r="B77" s="4" t="s">
        <v>1098</v>
      </c>
      <c r="C77" s="12">
        <v>2454218591.6900001</v>
      </c>
      <c r="D77" s="12">
        <v>1510374672.1800001</v>
      </c>
      <c r="E77" s="12">
        <v>943843919.50999999</v>
      </c>
      <c r="F77" s="12">
        <v>17404330778.610001</v>
      </c>
    </row>
    <row r="78" spans="1:6" x14ac:dyDescent="0.25">
      <c r="A78" s="2" t="s">
        <v>141</v>
      </c>
      <c r="B78" s="4" t="s">
        <v>1099</v>
      </c>
      <c r="C78" s="12">
        <v>2497689898.27</v>
      </c>
      <c r="D78" s="12">
        <v>1506169053.5</v>
      </c>
      <c r="E78" s="12">
        <v>991520844.75999999</v>
      </c>
      <c r="F78" s="12">
        <v>18395851623.369999</v>
      </c>
    </row>
    <row r="79" spans="1:6" x14ac:dyDescent="0.25">
      <c r="A79" s="2" t="s">
        <v>143</v>
      </c>
      <c r="B79" s="4" t="s">
        <v>1100</v>
      </c>
      <c r="C79" s="12">
        <v>2541990920.04</v>
      </c>
      <c r="D79" s="12">
        <v>1500752120.3499999</v>
      </c>
      <c r="E79" s="12">
        <v>1041238799.7</v>
      </c>
      <c r="F79" s="12">
        <v>19437090423.07</v>
      </c>
    </row>
    <row r="80" spans="1:6" x14ac:dyDescent="0.25">
      <c r="A80" s="2" t="s">
        <v>145</v>
      </c>
      <c r="B80" s="4" t="s">
        <v>1101</v>
      </c>
      <c r="C80" s="12">
        <v>2589459659.7199998</v>
      </c>
      <c r="D80" s="12">
        <v>1494101554.6700001</v>
      </c>
      <c r="E80" s="12">
        <v>1095358105.04</v>
      </c>
      <c r="F80" s="12">
        <v>20532448528.110001</v>
      </c>
    </row>
    <row r="81" spans="1:6" x14ac:dyDescent="0.25">
      <c r="A81" s="2" t="s">
        <v>147</v>
      </c>
      <c r="B81" s="4" t="s">
        <v>1102</v>
      </c>
      <c r="C81" s="12">
        <v>2637144117.4499998</v>
      </c>
      <c r="D81" s="12">
        <v>1483115121.7</v>
      </c>
      <c r="E81" s="12">
        <v>1154028995.75</v>
      </c>
      <c r="F81" s="12">
        <v>21686477523.860001</v>
      </c>
    </row>
    <row r="82" spans="1:6" x14ac:dyDescent="0.25">
      <c r="A82" s="2" t="s">
        <v>149</v>
      </c>
      <c r="B82" s="4" t="s">
        <v>1103</v>
      </c>
      <c r="C82" s="12">
        <v>2688395677.6100001</v>
      </c>
      <c r="D82" s="12">
        <v>1470972023.8</v>
      </c>
      <c r="E82" s="12">
        <v>1217423653.8099999</v>
      </c>
      <c r="F82" s="12">
        <v>22903901177.669998</v>
      </c>
    </row>
    <row r="83" spans="1:6" x14ac:dyDescent="0.25">
      <c r="A83" s="2" t="s">
        <v>151</v>
      </c>
      <c r="B83" s="4" t="s">
        <v>1104</v>
      </c>
      <c r="C83" s="12">
        <v>2741840471.2800002</v>
      </c>
      <c r="D83" s="12">
        <v>1458326420.1700001</v>
      </c>
      <c r="E83" s="12">
        <v>1283514051.1099999</v>
      </c>
      <c r="F83" s="12">
        <v>24187415228.779999</v>
      </c>
    </row>
    <row r="84" spans="1:6" x14ac:dyDescent="0.25">
      <c r="A84" s="2" t="s">
        <v>152</v>
      </c>
      <c r="B84" s="4" t="s">
        <v>1105</v>
      </c>
      <c r="C84" s="12">
        <v>2798784355.2600002</v>
      </c>
      <c r="D84" s="12">
        <v>1444113928.04</v>
      </c>
      <c r="E84" s="12">
        <v>1354670427.22</v>
      </c>
      <c r="F84" s="12">
        <v>25542085656</v>
      </c>
    </row>
    <row r="85" spans="1:6" x14ac:dyDescent="0.25">
      <c r="A85" s="2" t="s">
        <v>153</v>
      </c>
      <c r="B85" s="4" t="s">
        <v>1106</v>
      </c>
      <c r="C85" s="12">
        <v>2857469888.0100002</v>
      </c>
      <c r="D85" s="12">
        <v>1428294313.8900001</v>
      </c>
      <c r="E85" s="12">
        <v>1429175574.1199999</v>
      </c>
      <c r="F85" s="12">
        <v>26971261230.119999</v>
      </c>
    </row>
    <row r="86" spans="1:6" x14ac:dyDescent="0.25">
      <c r="A86" s="2" t="s">
        <v>155</v>
      </c>
      <c r="B86" s="4" t="s">
        <v>1107</v>
      </c>
      <c r="C86" s="12">
        <v>2920313289.6999998</v>
      </c>
      <c r="D86" s="12">
        <v>1410073705.51</v>
      </c>
      <c r="E86" s="12">
        <v>1510239584.1900001</v>
      </c>
      <c r="F86" s="12">
        <v>28481500814.310001</v>
      </c>
    </row>
  </sheetData>
  <mergeCells count="12">
    <mergeCell ref="A9:F9"/>
    <mergeCell ref="A10:A11"/>
    <mergeCell ref="B10:B11"/>
    <mergeCell ref="C10:C11"/>
    <mergeCell ref="D10:D11"/>
    <mergeCell ref="E10:E11"/>
    <mergeCell ref="F10:F11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30"/>
  <sheetViews>
    <sheetView showGridLines="0" topLeftCell="A16" workbookViewId="0">
      <selection activeCell="I29" sqref="I29"/>
    </sheetView>
  </sheetViews>
  <sheetFormatPr defaultRowHeight="15" x14ac:dyDescent="0.25"/>
  <cols>
    <col min="1" max="1" width="2.7109375" bestFit="1" customWidth="1"/>
    <col min="2" max="2" width="44.42578125" bestFit="1" customWidth="1"/>
    <col min="3" max="5" width="15" bestFit="1" customWidth="1"/>
    <col min="6" max="8" width="9.28515625" bestFit="1" customWidth="1"/>
    <col min="9" max="9" width="14.8554687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108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1109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8</v>
      </c>
      <c r="C10" s="10" t="s">
        <v>10</v>
      </c>
      <c r="D10" s="10" t="s">
        <v>1009</v>
      </c>
      <c r="E10" s="10" t="s">
        <v>1110</v>
      </c>
    </row>
    <row r="11" spans="1:9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9" x14ac:dyDescent="0.25">
      <c r="A12" s="3" t="s">
        <v>17</v>
      </c>
      <c r="B12" s="5" t="s">
        <v>1111</v>
      </c>
      <c r="C12" s="11">
        <v>5400000</v>
      </c>
      <c r="D12" s="11">
        <v>8771777.4100000001</v>
      </c>
      <c r="E12" s="11">
        <v>-3371777.41</v>
      </c>
    </row>
    <row r="13" spans="1:9" x14ac:dyDescent="0.25">
      <c r="A13" s="2" t="s">
        <v>19</v>
      </c>
      <c r="B13" s="4" t="s">
        <v>1112</v>
      </c>
      <c r="C13" s="12">
        <v>1266200</v>
      </c>
      <c r="D13" s="12">
        <v>7154995</v>
      </c>
      <c r="E13" s="12">
        <v>-5888795</v>
      </c>
    </row>
    <row r="14" spans="1:9" x14ac:dyDescent="0.25">
      <c r="A14" s="2" t="s">
        <v>21</v>
      </c>
      <c r="B14" s="4" t="s">
        <v>1113</v>
      </c>
      <c r="C14" s="12">
        <v>4129000</v>
      </c>
      <c r="D14" s="12">
        <v>1616782.41</v>
      </c>
      <c r="E14" s="12">
        <v>2512217.59</v>
      </c>
    </row>
    <row r="15" spans="1:9" x14ac:dyDescent="0.25">
      <c r="A15" s="2" t="s">
        <v>23</v>
      </c>
      <c r="B15" s="4" t="s">
        <v>1114</v>
      </c>
      <c r="C15" s="12">
        <v>0</v>
      </c>
      <c r="D15" s="12">
        <v>0</v>
      </c>
      <c r="E15" s="12">
        <v>0</v>
      </c>
    </row>
    <row r="16" spans="1:9" x14ac:dyDescent="0.25">
      <c r="A16" s="2" t="s">
        <v>25</v>
      </c>
      <c r="B16" s="4" t="s">
        <v>1115</v>
      </c>
      <c r="C16" s="12">
        <v>4800</v>
      </c>
      <c r="D16" s="12">
        <v>0</v>
      </c>
      <c r="E16" s="12">
        <v>4800</v>
      </c>
    </row>
    <row r="18" spans="1:9" x14ac:dyDescent="0.25">
      <c r="A18" s="10" t="s">
        <v>6</v>
      </c>
      <c r="B18" s="10" t="s">
        <v>165</v>
      </c>
      <c r="C18" s="10" t="s">
        <v>1012</v>
      </c>
      <c r="D18" s="10" t="s">
        <v>1013</v>
      </c>
      <c r="E18" s="10" t="s">
        <v>172</v>
      </c>
      <c r="F18" s="10" t="s">
        <v>1116</v>
      </c>
      <c r="G18" s="10" t="s">
        <v>1117</v>
      </c>
      <c r="H18" s="10" t="s">
        <v>1118</v>
      </c>
      <c r="I18" s="10" t="s">
        <v>1119</v>
      </c>
    </row>
    <row r="19" spans="1:9" x14ac:dyDescent="0.25">
      <c r="A19" s="10" t="s">
        <v>7</v>
      </c>
      <c r="B19" s="10" t="s">
        <v>7</v>
      </c>
      <c r="C19" s="10" t="s">
        <v>7</v>
      </c>
      <c r="D19" s="10" t="s">
        <v>7</v>
      </c>
      <c r="E19" s="10" t="s">
        <v>7</v>
      </c>
      <c r="F19" s="10" t="s">
        <v>7</v>
      </c>
      <c r="G19" s="10" t="s">
        <v>7</v>
      </c>
      <c r="H19" s="10" t="s">
        <v>7</v>
      </c>
      <c r="I19" s="10" t="s">
        <v>7</v>
      </c>
    </row>
    <row r="20" spans="1:9" x14ac:dyDescent="0.25">
      <c r="A20" s="3" t="s">
        <v>27</v>
      </c>
      <c r="B20" s="5" t="s">
        <v>1120</v>
      </c>
      <c r="C20" s="11">
        <v>5395200</v>
      </c>
      <c r="D20" s="11">
        <v>0</v>
      </c>
      <c r="E20" s="11">
        <v>0</v>
      </c>
      <c r="F20" s="11">
        <v>0</v>
      </c>
      <c r="G20" s="11">
        <v>0</v>
      </c>
      <c r="H20" s="11">
        <v>0</v>
      </c>
      <c r="I20" s="11">
        <v>5395200</v>
      </c>
    </row>
    <row r="21" spans="1:9" x14ac:dyDescent="0.25">
      <c r="A21" s="3" t="s">
        <v>29</v>
      </c>
      <c r="B21" s="5" t="s">
        <v>1121</v>
      </c>
      <c r="C21" s="11">
        <v>539520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5395200</v>
      </c>
    </row>
    <row r="22" spans="1:9" x14ac:dyDescent="0.25">
      <c r="A22" s="2" t="s">
        <v>31</v>
      </c>
      <c r="B22" s="4" t="s">
        <v>1015</v>
      </c>
      <c r="C22" s="12">
        <v>539520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5395200</v>
      </c>
    </row>
    <row r="23" spans="1:9" x14ac:dyDescent="0.25">
      <c r="A23" s="2" t="s">
        <v>33</v>
      </c>
      <c r="B23" s="4" t="s">
        <v>1016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</row>
    <row r="24" spans="1:9" x14ac:dyDescent="0.25">
      <c r="A24" s="2" t="s">
        <v>35</v>
      </c>
      <c r="B24" s="4" t="s">
        <v>1017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</row>
    <row r="25" spans="1:9" x14ac:dyDescent="0.25">
      <c r="A25" s="3" t="s">
        <v>37</v>
      </c>
      <c r="B25" s="5" t="s">
        <v>1122</v>
      </c>
      <c r="C25" s="11">
        <v>0</v>
      </c>
      <c r="D25" s="11">
        <v>0</v>
      </c>
      <c r="E25" s="11">
        <v>0</v>
      </c>
      <c r="F25" s="11">
        <v>0</v>
      </c>
      <c r="G25" s="11">
        <v>0</v>
      </c>
      <c r="H25" s="11">
        <v>0</v>
      </c>
      <c r="I25" s="11">
        <v>0</v>
      </c>
    </row>
    <row r="26" spans="1:9" x14ac:dyDescent="0.25">
      <c r="A26" s="2" t="s">
        <v>39</v>
      </c>
      <c r="B26" s="4" t="s">
        <v>1123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8" spans="1:9" x14ac:dyDescent="0.25">
      <c r="A28" s="10" t="s">
        <v>6</v>
      </c>
      <c r="B28" s="10" t="s">
        <v>1124</v>
      </c>
      <c r="C28" s="10" t="s">
        <v>1125</v>
      </c>
      <c r="D28" s="10" t="s">
        <v>1126</v>
      </c>
      <c r="E28" s="10" t="s">
        <v>1127</v>
      </c>
    </row>
    <row r="29" spans="1:9" x14ac:dyDescent="0.25">
      <c r="A29" s="10" t="s">
        <v>7</v>
      </c>
      <c r="B29" s="10" t="s">
        <v>7</v>
      </c>
      <c r="C29" s="10" t="s">
        <v>7</v>
      </c>
      <c r="D29" s="10" t="s">
        <v>7</v>
      </c>
      <c r="E29" s="10" t="s">
        <v>7</v>
      </c>
    </row>
    <row r="30" spans="1:9" x14ac:dyDescent="0.25">
      <c r="A30" s="2" t="s">
        <v>41</v>
      </c>
      <c r="B30" s="4" t="s">
        <v>1128</v>
      </c>
      <c r="C30" s="12">
        <v>3002892.45</v>
      </c>
      <c r="D30" s="12">
        <v>8771777.4100000001</v>
      </c>
      <c r="E30" s="12">
        <v>11774669.859999999</v>
      </c>
    </row>
  </sheetData>
  <mergeCells count="25">
    <mergeCell ref="F18:F19"/>
    <mergeCell ref="G18:G19"/>
    <mergeCell ref="H18:H19"/>
    <mergeCell ref="I18:I19"/>
    <mergeCell ref="A28:A29"/>
    <mergeCell ref="B28:B29"/>
    <mergeCell ref="C28:C29"/>
    <mergeCell ref="D28:D29"/>
    <mergeCell ref="E28:E29"/>
    <mergeCell ref="A18:A19"/>
    <mergeCell ref="B18:B19"/>
    <mergeCell ref="C18:C19"/>
    <mergeCell ref="D18:D19"/>
    <mergeCell ref="E18:E19"/>
    <mergeCell ref="A9:I9"/>
    <mergeCell ref="A10:A11"/>
    <mergeCell ref="B10:B11"/>
    <mergeCell ref="C10:C11"/>
    <mergeCell ref="D10:D11"/>
    <mergeCell ref="E10:E11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workbookViewId="0"/>
  </sheetViews>
  <sheetFormatPr defaultRowHeight="15" x14ac:dyDescent="0.25"/>
  <cols>
    <col min="1" max="1" width="3.7109375" bestFit="1" customWidth="1"/>
    <col min="2" max="2" width="96.42578125" customWidth="1"/>
    <col min="3" max="5" width="20.28515625" bestFit="1" customWidth="1"/>
    <col min="6" max="6" width="13.7109375" bestFit="1" customWidth="1"/>
    <col min="7" max="7" width="19" bestFit="1" customWidth="1"/>
    <col min="8" max="8" width="13.5703125" bestFit="1" customWidth="1"/>
    <col min="9" max="9" width="19" bestFit="1" customWidth="1"/>
    <col min="10" max="10" width="13.28515625" bestFit="1" customWidth="1"/>
    <col min="11" max="11" width="17.28515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1129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1130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1131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409</v>
      </c>
      <c r="F11" s="1" t="s">
        <v>1132</v>
      </c>
    </row>
    <row r="12" spans="1:12" x14ac:dyDescent="0.25">
      <c r="A12" s="3" t="s">
        <v>17</v>
      </c>
      <c r="B12" s="5" t="s">
        <v>1133</v>
      </c>
      <c r="C12" s="11">
        <v>11960266900</v>
      </c>
      <c r="D12" s="11">
        <v>12815872148</v>
      </c>
      <c r="E12" s="11">
        <v>15074562841.6</v>
      </c>
      <c r="F12" s="11">
        <v>117.62</v>
      </c>
    </row>
    <row r="13" spans="1:12" x14ac:dyDescent="0.25">
      <c r="A13" s="3" t="s">
        <v>19</v>
      </c>
      <c r="B13" s="5" t="s">
        <v>1134</v>
      </c>
      <c r="C13" s="11">
        <v>10054096900</v>
      </c>
      <c r="D13" s="11">
        <v>10909702148</v>
      </c>
      <c r="E13" s="11">
        <v>12729194727.799999</v>
      </c>
      <c r="F13" s="11">
        <v>116.68</v>
      </c>
    </row>
    <row r="14" spans="1:12" x14ac:dyDescent="0.25">
      <c r="A14" s="2" t="s">
        <v>21</v>
      </c>
      <c r="B14" s="4" t="s">
        <v>1135</v>
      </c>
      <c r="C14" s="12">
        <v>9850946800</v>
      </c>
      <c r="D14" s="12">
        <v>10706552048</v>
      </c>
      <c r="E14" s="12">
        <v>12524393611.73</v>
      </c>
      <c r="F14" s="12">
        <v>116.98</v>
      </c>
    </row>
    <row r="15" spans="1:12" x14ac:dyDescent="0.25">
      <c r="A15" s="2" t="s">
        <v>23</v>
      </c>
      <c r="B15" s="4" t="s">
        <v>1136</v>
      </c>
      <c r="C15" s="12">
        <v>118350600</v>
      </c>
      <c r="D15" s="12">
        <v>118350600</v>
      </c>
      <c r="E15" s="12">
        <v>105951383.53</v>
      </c>
      <c r="F15" s="12">
        <v>89.52</v>
      </c>
    </row>
    <row r="16" spans="1:12" x14ac:dyDescent="0.25">
      <c r="A16" s="2" t="s">
        <v>25</v>
      </c>
      <c r="B16" s="4" t="s">
        <v>1137</v>
      </c>
      <c r="C16" s="12">
        <v>84799500</v>
      </c>
      <c r="D16" s="12">
        <v>84799500</v>
      </c>
      <c r="E16" s="12">
        <v>98849732.540000007</v>
      </c>
      <c r="F16" s="12">
        <v>116.57</v>
      </c>
    </row>
    <row r="17" spans="1:6" x14ac:dyDescent="0.25">
      <c r="A17" s="3" t="s">
        <v>27</v>
      </c>
      <c r="B17" s="5" t="s">
        <v>1138</v>
      </c>
      <c r="C17" s="11">
        <v>182844600</v>
      </c>
      <c r="D17" s="11">
        <v>182844600</v>
      </c>
      <c r="E17" s="11">
        <v>388116927.87</v>
      </c>
      <c r="F17" s="11">
        <v>212.27</v>
      </c>
    </row>
    <row r="18" spans="1:6" x14ac:dyDescent="0.25">
      <c r="A18" s="2" t="s">
        <v>29</v>
      </c>
      <c r="B18" s="4" t="s">
        <v>1139</v>
      </c>
      <c r="C18" s="12">
        <v>182844600</v>
      </c>
      <c r="D18" s="12">
        <v>182844600</v>
      </c>
      <c r="E18" s="12">
        <v>385834797.61000001</v>
      </c>
      <c r="F18" s="12">
        <v>211.02</v>
      </c>
    </row>
    <row r="19" spans="1:6" x14ac:dyDescent="0.25">
      <c r="A19" s="2" t="s">
        <v>31</v>
      </c>
      <c r="B19" s="4" t="s">
        <v>1140</v>
      </c>
      <c r="C19" s="12">
        <v>0</v>
      </c>
      <c r="D19" s="12">
        <v>0</v>
      </c>
      <c r="E19" s="12">
        <v>2282130.2599999998</v>
      </c>
      <c r="F19" s="12">
        <v>0</v>
      </c>
    </row>
    <row r="20" spans="1:6" x14ac:dyDescent="0.25">
      <c r="A20" s="3" t="s">
        <v>33</v>
      </c>
      <c r="B20" s="5" t="s">
        <v>1141</v>
      </c>
      <c r="C20" s="11">
        <v>730803700</v>
      </c>
      <c r="D20" s="11">
        <v>730803700</v>
      </c>
      <c r="E20" s="11">
        <v>863540844.24000001</v>
      </c>
      <c r="F20" s="11">
        <v>118.16</v>
      </c>
    </row>
    <row r="21" spans="1:6" x14ac:dyDescent="0.25">
      <c r="A21" s="2" t="s">
        <v>35</v>
      </c>
      <c r="B21" s="4" t="s">
        <v>1142</v>
      </c>
      <c r="C21" s="12">
        <v>675783900</v>
      </c>
      <c r="D21" s="12">
        <v>675783900</v>
      </c>
      <c r="E21" s="12">
        <v>797694667.92999995</v>
      </c>
      <c r="F21" s="12">
        <v>118.04</v>
      </c>
    </row>
    <row r="22" spans="1:6" x14ac:dyDescent="0.25">
      <c r="A22" s="2" t="s">
        <v>37</v>
      </c>
      <c r="B22" s="4" t="s">
        <v>1143</v>
      </c>
      <c r="C22" s="12">
        <v>55019800</v>
      </c>
      <c r="D22" s="12">
        <v>55019800</v>
      </c>
      <c r="E22" s="12">
        <v>65846176.310000002</v>
      </c>
      <c r="F22" s="12">
        <v>119.68</v>
      </c>
    </row>
    <row r="23" spans="1:6" x14ac:dyDescent="0.25">
      <c r="A23" s="2" t="s">
        <v>39</v>
      </c>
      <c r="B23" s="4" t="s">
        <v>1144</v>
      </c>
      <c r="C23" s="12">
        <v>992521700</v>
      </c>
      <c r="D23" s="12">
        <v>992521700</v>
      </c>
      <c r="E23" s="12">
        <v>1093710341.6900001</v>
      </c>
      <c r="F23" s="12">
        <v>110.2</v>
      </c>
    </row>
    <row r="24" spans="1:6" x14ac:dyDescent="0.25">
      <c r="A24" s="3" t="s">
        <v>41</v>
      </c>
      <c r="B24" s="5" t="s">
        <v>1145</v>
      </c>
      <c r="C24" s="11">
        <v>1403274000</v>
      </c>
      <c r="D24" s="11">
        <v>1403274000</v>
      </c>
      <c r="E24" s="11">
        <v>1855642545.8399999</v>
      </c>
      <c r="F24" s="11">
        <v>262.42</v>
      </c>
    </row>
    <row r="25" spans="1:6" x14ac:dyDescent="0.25">
      <c r="A25" s="2" t="s">
        <v>43</v>
      </c>
      <c r="B25" s="4" t="s">
        <v>1146</v>
      </c>
      <c r="C25" s="12">
        <v>1273744200</v>
      </c>
      <c r="D25" s="12">
        <v>1273744200</v>
      </c>
      <c r="E25" s="12">
        <v>1714406674.8299999</v>
      </c>
      <c r="F25" s="12">
        <v>134.6</v>
      </c>
    </row>
    <row r="26" spans="1:6" x14ac:dyDescent="0.25">
      <c r="A26" s="2" t="s">
        <v>45</v>
      </c>
      <c r="B26" s="4" t="s">
        <v>1147</v>
      </c>
      <c r="C26" s="12">
        <v>19038100</v>
      </c>
      <c r="D26" s="12">
        <v>19038100</v>
      </c>
      <c r="E26" s="12">
        <v>0</v>
      </c>
      <c r="F26" s="12">
        <v>0</v>
      </c>
    </row>
    <row r="27" spans="1:6" x14ac:dyDescent="0.25">
      <c r="A27" s="3" t="s">
        <v>47</v>
      </c>
      <c r="B27" s="5" t="s">
        <v>1148</v>
      </c>
      <c r="C27" s="11">
        <v>110491700</v>
      </c>
      <c r="D27" s="11">
        <v>110491700</v>
      </c>
      <c r="E27" s="11">
        <v>141235871.00999999</v>
      </c>
      <c r="F27" s="11">
        <v>127.82</v>
      </c>
    </row>
    <row r="28" spans="1:6" x14ac:dyDescent="0.25">
      <c r="A28" s="2" t="s">
        <v>49</v>
      </c>
      <c r="B28" s="4" t="s">
        <v>1149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51</v>
      </c>
      <c r="B29" s="4" t="s">
        <v>1150</v>
      </c>
      <c r="C29" s="12">
        <v>110491700</v>
      </c>
      <c r="D29" s="12">
        <v>110491700</v>
      </c>
      <c r="E29" s="12">
        <v>141235871.00999999</v>
      </c>
      <c r="F29" s="12">
        <v>127.82</v>
      </c>
    </row>
    <row r="30" spans="1:6" x14ac:dyDescent="0.25">
      <c r="A30" s="3" t="s">
        <v>53</v>
      </c>
      <c r="B30" s="5" t="s">
        <v>1151</v>
      </c>
      <c r="C30" s="11">
        <v>2885349100</v>
      </c>
      <c r="D30" s="11">
        <v>2885349100</v>
      </c>
      <c r="E30" s="11">
        <v>3624665639.3499999</v>
      </c>
      <c r="F30" s="11">
        <v>125.62</v>
      </c>
    </row>
    <row r="31" spans="1:6" x14ac:dyDescent="0.25">
      <c r="A31" s="2" t="s">
        <v>55</v>
      </c>
      <c r="B31" s="4" t="s">
        <v>1152</v>
      </c>
      <c r="C31" s="12">
        <v>2492324300</v>
      </c>
      <c r="D31" s="12">
        <v>2492324300</v>
      </c>
      <c r="E31" s="12">
        <v>3157586248.9499998</v>
      </c>
      <c r="F31" s="12">
        <v>126.69</v>
      </c>
    </row>
    <row r="32" spans="1:6" x14ac:dyDescent="0.25">
      <c r="A32" s="2" t="s">
        <v>57</v>
      </c>
      <c r="B32" s="4" t="s">
        <v>1153</v>
      </c>
      <c r="C32" s="12">
        <v>365401900</v>
      </c>
      <c r="D32" s="12">
        <v>365401900</v>
      </c>
      <c r="E32" s="12">
        <v>431770422.67000002</v>
      </c>
      <c r="F32" s="12">
        <v>118.16</v>
      </c>
    </row>
    <row r="33" spans="1:11" x14ac:dyDescent="0.25">
      <c r="A33" s="2" t="s">
        <v>59</v>
      </c>
      <c r="B33" s="4" t="s">
        <v>1154</v>
      </c>
      <c r="C33" s="12">
        <v>27622900</v>
      </c>
      <c r="D33" s="12">
        <v>27622900</v>
      </c>
      <c r="E33" s="12">
        <v>35308967.729999997</v>
      </c>
      <c r="F33" s="12">
        <v>127.82</v>
      </c>
    </row>
    <row r="34" spans="1:11" x14ac:dyDescent="0.25">
      <c r="A34" s="3" t="s">
        <v>61</v>
      </c>
      <c r="B34" s="5" t="s">
        <v>1155</v>
      </c>
      <c r="C34" s="11">
        <v>10478191800</v>
      </c>
      <c r="D34" s="11">
        <v>11333797048</v>
      </c>
      <c r="E34" s="11">
        <v>13305539748.09</v>
      </c>
      <c r="F34" s="11">
        <v>117.4</v>
      </c>
    </row>
    <row r="36" spans="1:11" x14ac:dyDescent="0.25">
      <c r="A36" s="10" t="s">
        <v>6</v>
      </c>
      <c r="B36" s="10" t="s">
        <v>1156</v>
      </c>
      <c r="C36" s="10" t="s">
        <v>407</v>
      </c>
      <c r="D36" s="10" t="s">
        <v>602</v>
      </c>
      <c r="E36" s="10" t="s">
        <v>168</v>
      </c>
      <c r="F36" s="10" t="s">
        <v>7</v>
      </c>
      <c r="G36" s="10" t="s">
        <v>172</v>
      </c>
      <c r="H36" s="10" t="s">
        <v>7</v>
      </c>
      <c r="I36" s="10" t="s">
        <v>1160</v>
      </c>
      <c r="J36" s="10" t="s">
        <v>7</v>
      </c>
      <c r="K36" s="10" t="s">
        <v>877</v>
      </c>
    </row>
    <row r="37" spans="1:11" ht="21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" t="s">
        <v>412</v>
      </c>
      <c r="F37" s="1" t="s">
        <v>1157</v>
      </c>
      <c r="G37" s="1" t="s">
        <v>1158</v>
      </c>
      <c r="H37" s="1" t="s">
        <v>1159</v>
      </c>
      <c r="I37" s="1" t="s">
        <v>170</v>
      </c>
      <c r="J37" s="1" t="s">
        <v>1161</v>
      </c>
      <c r="K37" s="10" t="s">
        <v>7</v>
      </c>
    </row>
    <row r="38" spans="1:11" x14ac:dyDescent="0.25">
      <c r="A38" s="3" t="s">
        <v>63</v>
      </c>
      <c r="B38" s="5" t="s">
        <v>1162</v>
      </c>
      <c r="C38" s="11">
        <v>69829000</v>
      </c>
      <c r="D38" s="11">
        <v>60540567</v>
      </c>
      <c r="E38" s="11">
        <v>60069514</v>
      </c>
      <c r="F38" s="11">
        <v>99.22</v>
      </c>
      <c r="G38" s="11">
        <v>51501175.520000003</v>
      </c>
      <c r="H38" s="11">
        <v>85.07</v>
      </c>
      <c r="I38" s="11">
        <v>51501175.520000003</v>
      </c>
      <c r="J38" s="11">
        <v>85.07</v>
      </c>
      <c r="K38" s="11">
        <v>8568338.4800000004</v>
      </c>
    </row>
    <row r="39" spans="1:11" x14ac:dyDescent="0.25">
      <c r="A39" s="2" t="s">
        <v>65</v>
      </c>
      <c r="B39" s="4" t="s">
        <v>1163</v>
      </c>
      <c r="C39" s="12">
        <v>69829000</v>
      </c>
      <c r="D39" s="12">
        <v>60540567</v>
      </c>
      <c r="E39" s="12">
        <v>60069514</v>
      </c>
      <c r="F39" s="12">
        <v>99.22</v>
      </c>
      <c r="G39" s="12">
        <v>51501175.520000003</v>
      </c>
      <c r="H39" s="12">
        <v>85.07</v>
      </c>
      <c r="I39" s="12">
        <v>51501175.520000003</v>
      </c>
      <c r="J39" s="12">
        <v>85.07</v>
      </c>
      <c r="K39" s="12">
        <v>8568338.4800000004</v>
      </c>
    </row>
    <row r="40" spans="1:11" x14ac:dyDescent="0.25">
      <c r="A40" s="2" t="s">
        <v>67</v>
      </c>
      <c r="B40" s="4" t="s">
        <v>1164</v>
      </c>
      <c r="C40" s="12">
        <v>0</v>
      </c>
      <c r="D40" s="12">
        <v>0</v>
      </c>
      <c r="E40" s="12">
        <v>0</v>
      </c>
      <c r="F40" s="12">
        <v>0</v>
      </c>
      <c r="G40" s="12">
        <v>0</v>
      </c>
      <c r="H40" s="12">
        <v>0</v>
      </c>
      <c r="I40" s="12">
        <v>0</v>
      </c>
      <c r="J40" s="12">
        <v>0</v>
      </c>
      <c r="K40" s="12">
        <v>0</v>
      </c>
    </row>
    <row r="41" spans="1:11" x14ac:dyDescent="0.25">
      <c r="A41" s="3" t="s">
        <v>69</v>
      </c>
      <c r="B41" s="5" t="s">
        <v>1165</v>
      </c>
      <c r="C41" s="11">
        <v>709427300</v>
      </c>
      <c r="D41" s="11">
        <v>873141179</v>
      </c>
      <c r="E41" s="11">
        <v>774087056.66999996</v>
      </c>
      <c r="F41" s="11">
        <v>148.19</v>
      </c>
      <c r="G41" s="11">
        <v>710786093.66999996</v>
      </c>
      <c r="H41" s="11">
        <v>115.66</v>
      </c>
      <c r="I41" s="11">
        <v>710069130.26999998</v>
      </c>
      <c r="J41" s="11">
        <v>115.58</v>
      </c>
      <c r="K41" s="11">
        <v>63300963</v>
      </c>
    </row>
    <row r="42" spans="1:11" x14ac:dyDescent="0.25">
      <c r="A42" s="2" t="s">
        <v>71</v>
      </c>
      <c r="B42" s="4" t="s">
        <v>1163</v>
      </c>
      <c r="C42" s="12">
        <v>680892300</v>
      </c>
      <c r="D42" s="12">
        <v>812956646</v>
      </c>
      <c r="E42" s="12">
        <v>739652843.38999999</v>
      </c>
      <c r="F42" s="12">
        <v>90.98</v>
      </c>
      <c r="G42" s="12">
        <v>692435612.17999995</v>
      </c>
      <c r="H42" s="12">
        <v>85.17</v>
      </c>
      <c r="I42" s="12">
        <v>691718648.77999997</v>
      </c>
      <c r="J42" s="12">
        <v>85.09</v>
      </c>
      <c r="K42" s="12">
        <v>47217231.210000001</v>
      </c>
    </row>
    <row r="43" spans="1:11" x14ac:dyDescent="0.25">
      <c r="A43" s="2" t="s">
        <v>73</v>
      </c>
      <c r="B43" s="4" t="s">
        <v>1166</v>
      </c>
      <c r="C43" s="12">
        <v>28535000</v>
      </c>
      <c r="D43" s="12">
        <v>60184533</v>
      </c>
      <c r="E43" s="12">
        <v>34434213.280000001</v>
      </c>
      <c r="F43" s="12">
        <v>57.21</v>
      </c>
      <c r="G43" s="12">
        <v>18350481.489999998</v>
      </c>
      <c r="H43" s="12">
        <v>30.49</v>
      </c>
      <c r="I43" s="12">
        <v>18350481.489999998</v>
      </c>
      <c r="J43" s="12">
        <v>30.49</v>
      </c>
      <c r="K43" s="12">
        <v>16083731.789999999</v>
      </c>
    </row>
    <row r="44" spans="1:11" x14ac:dyDescent="0.25">
      <c r="A44" s="3" t="s">
        <v>75</v>
      </c>
      <c r="B44" s="5" t="s">
        <v>1167</v>
      </c>
      <c r="C44" s="11">
        <v>58390700</v>
      </c>
      <c r="D44" s="11">
        <v>163647887</v>
      </c>
      <c r="E44" s="11">
        <v>133613863.27</v>
      </c>
      <c r="F44" s="11">
        <v>81.650000000000006</v>
      </c>
      <c r="G44" s="11">
        <v>116706487.92</v>
      </c>
      <c r="H44" s="11">
        <v>71.319999999999993</v>
      </c>
      <c r="I44" s="11">
        <v>116131585.76000001</v>
      </c>
      <c r="J44" s="11">
        <v>70.959999999999994</v>
      </c>
      <c r="K44" s="11">
        <v>16907375.350000001</v>
      </c>
    </row>
    <row r="45" spans="1:11" x14ac:dyDescent="0.25">
      <c r="A45" s="2" t="s">
        <v>77</v>
      </c>
      <c r="B45" s="4" t="s">
        <v>1163</v>
      </c>
      <c r="C45" s="12">
        <v>58390700</v>
      </c>
      <c r="D45" s="12">
        <v>163647887</v>
      </c>
      <c r="E45" s="12">
        <v>133613863.27</v>
      </c>
      <c r="F45" s="12">
        <v>81.650000000000006</v>
      </c>
      <c r="G45" s="12">
        <v>116706487.92</v>
      </c>
      <c r="H45" s="12">
        <v>71.319999999999993</v>
      </c>
      <c r="I45" s="12">
        <v>116131585.76000001</v>
      </c>
      <c r="J45" s="12">
        <v>70.959999999999994</v>
      </c>
      <c r="K45" s="12">
        <v>16907375.350000001</v>
      </c>
    </row>
    <row r="46" spans="1:11" x14ac:dyDescent="0.25">
      <c r="A46" s="2" t="s">
        <v>79</v>
      </c>
      <c r="B46" s="4" t="s">
        <v>1166</v>
      </c>
      <c r="C46" s="12">
        <v>0</v>
      </c>
      <c r="D46" s="12">
        <v>0</v>
      </c>
      <c r="E46" s="12">
        <v>0</v>
      </c>
      <c r="F46" s="12">
        <v>0</v>
      </c>
      <c r="G46" s="12">
        <v>0</v>
      </c>
      <c r="H46" s="12">
        <v>0</v>
      </c>
      <c r="I46" s="12">
        <v>0</v>
      </c>
      <c r="J46" s="12">
        <v>0</v>
      </c>
      <c r="K46" s="12">
        <v>0</v>
      </c>
    </row>
    <row r="47" spans="1:11" x14ac:dyDescent="0.25">
      <c r="A47" s="3" t="s">
        <v>81</v>
      </c>
      <c r="B47" s="5" t="s">
        <v>1168</v>
      </c>
      <c r="C47" s="11">
        <v>500000</v>
      </c>
      <c r="D47" s="11">
        <v>500000</v>
      </c>
      <c r="E47" s="11">
        <v>378790.56</v>
      </c>
      <c r="F47" s="11">
        <v>75.760000000000005</v>
      </c>
      <c r="G47" s="11">
        <v>378790.56</v>
      </c>
      <c r="H47" s="11">
        <v>75.760000000000005</v>
      </c>
      <c r="I47" s="11">
        <v>378790.56</v>
      </c>
      <c r="J47" s="11">
        <v>75.760000000000005</v>
      </c>
      <c r="K47" s="11">
        <v>0</v>
      </c>
    </row>
    <row r="48" spans="1:11" x14ac:dyDescent="0.25">
      <c r="A48" s="2" t="s">
        <v>83</v>
      </c>
      <c r="B48" s="4" t="s">
        <v>1163</v>
      </c>
      <c r="C48" s="12">
        <v>500000</v>
      </c>
      <c r="D48" s="12">
        <v>500000</v>
      </c>
      <c r="E48" s="12">
        <v>378790.56</v>
      </c>
      <c r="F48" s="12">
        <v>75.760000000000005</v>
      </c>
      <c r="G48" s="12">
        <v>378790.56</v>
      </c>
      <c r="H48" s="12">
        <v>75.760000000000005</v>
      </c>
      <c r="I48" s="12">
        <v>378790.56</v>
      </c>
      <c r="J48" s="12">
        <v>75.760000000000005</v>
      </c>
      <c r="K48" s="12">
        <v>0</v>
      </c>
    </row>
    <row r="49" spans="1:11" x14ac:dyDescent="0.25">
      <c r="A49" s="2" t="s">
        <v>85</v>
      </c>
      <c r="B49" s="4" t="s">
        <v>1166</v>
      </c>
      <c r="C49" s="12">
        <v>0</v>
      </c>
      <c r="D49" s="12">
        <v>0</v>
      </c>
      <c r="E49" s="12">
        <v>0</v>
      </c>
      <c r="F49" s="12">
        <v>0</v>
      </c>
      <c r="G49" s="12">
        <v>0</v>
      </c>
      <c r="H49" s="12">
        <v>0</v>
      </c>
      <c r="I49" s="12">
        <v>0</v>
      </c>
      <c r="J49" s="12">
        <v>0</v>
      </c>
      <c r="K49" s="12">
        <v>0</v>
      </c>
    </row>
    <row r="50" spans="1:11" x14ac:dyDescent="0.25">
      <c r="A50" s="3" t="s">
        <v>87</v>
      </c>
      <c r="B50" s="5" t="s">
        <v>1169</v>
      </c>
      <c r="C50" s="11">
        <v>19858000</v>
      </c>
      <c r="D50" s="11">
        <v>86583051</v>
      </c>
      <c r="E50" s="11">
        <v>77128677.730000004</v>
      </c>
      <c r="F50" s="11">
        <v>137.94999999999999</v>
      </c>
      <c r="G50" s="11">
        <v>71576603.209999993</v>
      </c>
      <c r="H50" s="11">
        <v>117.9</v>
      </c>
      <c r="I50" s="11">
        <v>71576603.209999993</v>
      </c>
      <c r="J50" s="11">
        <v>117.9</v>
      </c>
      <c r="K50" s="11">
        <v>5552074.5199999996</v>
      </c>
    </row>
    <row r="51" spans="1:11" x14ac:dyDescent="0.25">
      <c r="A51" s="2" t="s">
        <v>89</v>
      </c>
      <c r="B51" s="4" t="s">
        <v>1163</v>
      </c>
      <c r="C51" s="12">
        <v>18737500</v>
      </c>
      <c r="D51" s="12">
        <v>82683051</v>
      </c>
      <c r="E51" s="12">
        <v>75300443.739999995</v>
      </c>
      <c r="F51" s="12">
        <v>91.07</v>
      </c>
      <c r="G51" s="12">
        <v>70294301.019999996</v>
      </c>
      <c r="H51" s="12">
        <v>85.02</v>
      </c>
      <c r="I51" s="12">
        <v>70294301.019999996</v>
      </c>
      <c r="J51" s="12">
        <v>85.02</v>
      </c>
      <c r="K51" s="12">
        <v>5006142.72</v>
      </c>
    </row>
    <row r="52" spans="1:11" x14ac:dyDescent="0.25">
      <c r="A52" s="2" t="s">
        <v>91</v>
      </c>
      <c r="B52" s="4" t="s">
        <v>1166</v>
      </c>
      <c r="C52" s="12">
        <v>1120500</v>
      </c>
      <c r="D52" s="12">
        <v>3900000</v>
      </c>
      <c r="E52" s="12">
        <v>1828233.99</v>
      </c>
      <c r="F52" s="12">
        <v>46.88</v>
      </c>
      <c r="G52" s="12">
        <v>1282302.19</v>
      </c>
      <c r="H52" s="12">
        <v>32.880000000000003</v>
      </c>
      <c r="I52" s="12">
        <v>1282302.19</v>
      </c>
      <c r="J52" s="12">
        <v>32.880000000000003</v>
      </c>
      <c r="K52" s="12">
        <v>545931.80000000005</v>
      </c>
    </row>
    <row r="53" spans="1:11" x14ac:dyDescent="0.25">
      <c r="A53" s="3" t="s">
        <v>93</v>
      </c>
      <c r="B53" s="5" t="s">
        <v>1170</v>
      </c>
      <c r="C53" s="11">
        <v>34293200</v>
      </c>
      <c r="D53" s="11">
        <v>42902900</v>
      </c>
      <c r="E53" s="11">
        <v>42902881.880000003</v>
      </c>
      <c r="F53" s="11">
        <v>100</v>
      </c>
      <c r="G53" s="11">
        <v>38987817.509999998</v>
      </c>
      <c r="H53" s="11">
        <v>90.87</v>
      </c>
      <c r="I53" s="11">
        <v>38987817.509999998</v>
      </c>
      <c r="J53" s="11">
        <v>90.87</v>
      </c>
      <c r="K53" s="11">
        <v>3915064.37</v>
      </c>
    </row>
    <row r="54" spans="1:11" x14ac:dyDescent="0.25">
      <c r="A54" s="2" t="s">
        <v>95</v>
      </c>
      <c r="B54" s="4" t="s">
        <v>1163</v>
      </c>
      <c r="C54" s="12">
        <v>34293200</v>
      </c>
      <c r="D54" s="12">
        <v>42902900</v>
      </c>
      <c r="E54" s="12">
        <v>42902881.880000003</v>
      </c>
      <c r="F54" s="12">
        <v>100</v>
      </c>
      <c r="G54" s="12">
        <v>38987817.509999998</v>
      </c>
      <c r="H54" s="12">
        <v>90.87</v>
      </c>
      <c r="I54" s="12">
        <v>38987817.509999998</v>
      </c>
      <c r="J54" s="12">
        <v>90.87</v>
      </c>
      <c r="K54" s="12">
        <v>3915064.37</v>
      </c>
    </row>
    <row r="55" spans="1:11" x14ac:dyDescent="0.25">
      <c r="A55" s="2" t="s">
        <v>97</v>
      </c>
      <c r="B55" s="4" t="s">
        <v>1166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  <c r="K55" s="12">
        <v>0</v>
      </c>
    </row>
    <row r="56" spans="1:11" x14ac:dyDescent="0.25">
      <c r="A56" s="3" t="s">
        <v>99</v>
      </c>
      <c r="B56" s="5" t="s">
        <v>1171</v>
      </c>
      <c r="C56" s="11">
        <v>365084900</v>
      </c>
      <c r="D56" s="11">
        <v>833453520.58000004</v>
      </c>
      <c r="E56" s="11">
        <v>816457512.12</v>
      </c>
      <c r="F56" s="11">
        <v>194.45</v>
      </c>
      <c r="G56" s="11">
        <v>792899151.70000005</v>
      </c>
      <c r="H56" s="11">
        <v>151.6</v>
      </c>
      <c r="I56" s="11">
        <v>779071889.38999999</v>
      </c>
      <c r="J56" s="11">
        <v>143.16999999999999</v>
      </c>
      <c r="K56" s="11">
        <v>23558360.420000002</v>
      </c>
    </row>
    <row r="57" spans="1:11" x14ac:dyDescent="0.25">
      <c r="A57" s="2" t="s">
        <v>101</v>
      </c>
      <c r="B57" s="4" t="s">
        <v>1163</v>
      </c>
      <c r="C57" s="12">
        <v>347561900</v>
      </c>
      <c r="D57" s="12">
        <v>800015036.58000004</v>
      </c>
      <c r="E57" s="12">
        <v>784216586.49000001</v>
      </c>
      <c r="F57" s="12">
        <v>98.03</v>
      </c>
      <c r="G57" s="12">
        <v>774582530.64999998</v>
      </c>
      <c r="H57" s="12">
        <v>96.82</v>
      </c>
      <c r="I57" s="12">
        <v>763095268.34000003</v>
      </c>
      <c r="J57" s="12">
        <v>95.39</v>
      </c>
      <c r="K57" s="12">
        <v>9634055.8399999999</v>
      </c>
    </row>
    <row r="58" spans="1:11" x14ac:dyDescent="0.25">
      <c r="A58" s="2" t="s">
        <v>103</v>
      </c>
      <c r="B58" s="4" t="s">
        <v>1166</v>
      </c>
      <c r="C58" s="12">
        <v>17523000</v>
      </c>
      <c r="D58" s="12">
        <v>33438484</v>
      </c>
      <c r="E58" s="12">
        <v>32240925.629999999</v>
      </c>
      <c r="F58" s="12">
        <v>96.42</v>
      </c>
      <c r="G58" s="12">
        <v>18316621.050000001</v>
      </c>
      <c r="H58" s="12">
        <v>54.78</v>
      </c>
      <c r="I58" s="12">
        <v>15976621.050000001</v>
      </c>
      <c r="J58" s="12">
        <v>47.78</v>
      </c>
      <c r="K58" s="12">
        <v>13924304.58</v>
      </c>
    </row>
    <row r="59" spans="1:11" x14ac:dyDescent="0.25">
      <c r="A59" s="3" t="s">
        <v>105</v>
      </c>
      <c r="B59" s="5" t="s">
        <v>1172</v>
      </c>
      <c r="C59" s="11">
        <v>1257383100</v>
      </c>
      <c r="D59" s="11">
        <v>2060769104.5799999</v>
      </c>
      <c r="E59" s="11">
        <v>1904638296.23</v>
      </c>
      <c r="F59" s="11">
        <v>92.42</v>
      </c>
      <c r="G59" s="11">
        <v>1782836120.0899999</v>
      </c>
      <c r="H59" s="11">
        <v>86.51</v>
      </c>
      <c r="I59" s="11">
        <v>1767716992.22</v>
      </c>
      <c r="J59" s="11">
        <v>85.78</v>
      </c>
      <c r="K59" s="11">
        <v>121802176.14</v>
      </c>
    </row>
    <row r="61" spans="1:11" x14ac:dyDescent="0.25">
      <c r="A61" s="10" t="s">
        <v>6</v>
      </c>
      <c r="B61" s="10" t="s">
        <v>1173</v>
      </c>
      <c r="C61" s="10" t="s">
        <v>1174</v>
      </c>
      <c r="D61" s="10" t="s">
        <v>1175</v>
      </c>
      <c r="E61" s="10" t="s">
        <v>1176</v>
      </c>
    </row>
    <row r="62" spans="1:11" x14ac:dyDescent="0.25">
      <c r="A62" s="10" t="s">
        <v>7</v>
      </c>
      <c r="B62" s="10" t="s">
        <v>7</v>
      </c>
      <c r="C62" s="10" t="s">
        <v>7</v>
      </c>
      <c r="D62" s="10" t="s">
        <v>7</v>
      </c>
      <c r="E62" s="10" t="s">
        <v>7</v>
      </c>
    </row>
    <row r="63" spans="1:11" x14ac:dyDescent="0.25">
      <c r="A63" s="2" t="s">
        <v>107</v>
      </c>
      <c r="B63" s="4" t="s">
        <v>1177</v>
      </c>
      <c r="C63" s="12">
        <v>1904638296.23</v>
      </c>
      <c r="D63" s="12">
        <v>1782836120.0899999</v>
      </c>
      <c r="E63" s="12">
        <v>1767716992.22</v>
      </c>
    </row>
    <row r="64" spans="1:11" x14ac:dyDescent="0.25">
      <c r="A64" s="2" t="s">
        <v>109</v>
      </c>
      <c r="B64" s="4" t="s">
        <v>1178</v>
      </c>
      <c r="C64" s="12">
        <v>0</v>
      </c>
      <c r="D64" s="12">
        <v>0</v>
      </c>
      <c r="E64" s="12">
        <v>0</v>
      </c>
    </row>
    <row r="65" spans="1:5" x14ac:dyDescent="0.25">
      <c r="A65" s="2" t="s">
        <v>111</v>
      </c>
      <c r="B65" s="4" t="s">
        <v>1179</v>
      </c>
      <c r="C65" s="12">
        <v>0</v>
      </c>
      <c r="D65" s="12">
        <v>0</v>
      </c>
      <c r="E65" s="12">
        <v>0</v>
      </c>
    </row>
    <row r="66" spans="1:5" x14ac:dyDescent="0.25">
      <c r="A66" s="2" t="s">
        <v>113</v>
      </c>
      <c r="B66" s="4" t="s">
        <v>1180</v>
      </c>
      <c r="C66" s="12">
        <v>0</v>
      </c>
      <c r="D66" s="12">
        <v>0</v>
      </c>
      <c r="E66" s="12">
        <v>0</v>
      </c>
    </row>
    <row r="67" spans="1:5" x14ac:dyDescent="0.25">
      <c r="A67" s="2" t="s">
        <v>115</v>
      </c>
      <c r="B67" s="4" t="s">
        <v>1181</v>
      </c>
      <c r="C67" s="12">
        <v>1904638296.23</v>
      </c>
      <c r="D67" s="12">
        <v>1782836120.0899999</v>
      </c>
      <c r="E67" s="12">
        <v>1767716992.22</v>
      </c>
    </row>
    <row r="69" spans="1:5" x14ac:dyDescent="0.25">
      <c r="A69" s="10" t="s">
        <v>6</v>
      </c>
      <c r="B69" s="10" t="s">
        <v>1182</v>
      </c>
      <c r="C69" s="10" t="s">
        <v>1183</v>
      </c>
    </row>
    <row r="70" spans="1:5" x14ac:dyDescent="0.25">
      <c r="A70" s="10" t="s">
        <v>7</v>
      </c>
      <c r="B70" s="10" t="s">
        <v>7</v>
      </c>
      <c r="C70" s="10" t="s">
        <v>7</v>
      </c>
    </row>
    <row r="71" spans="1:5" x14ac:dyDescent="0.25">
      <c r="A71" s="2" t="s">
        <v>117</v>
      </c>
      <c r="B71" s="4" t="s">
        <v>1184</v>
      </c>
      <c r="C71" s="12">
        <v>1596664769.77</v>
      </c>
    </row>
    <row r="72" spans="1:5" x14ac:dyDescent="0.25">
      <c r="A72" s="2" t="s">
        <v>119</v>
      </c>
      <c r="B72" s="4" t="s">
        <v>1185</v>
      </c>
      <c r="C72" s="12">
        <v>0</v>
      </c>
    </row>
    <row r="74" spans="1:5" x14ac:dyDescent="0.25">
      <c r="A74" s="10" t="s">
        <v>6</v>
      </c>
      <c r="B74" s="10" t="s">
        <v>1186</v>
      </c>
      <c r="C74" s="10" t="s">
        <v>1174</v>
      </c>
      <c r="D74" s="10" t="s">
        <v>1175</v>
      </c>
      <c r="E74" s="10" t="s">
        <v>1176</v>
      </c>
    </row>
    <row r="75" spans="1:5" x14ac:dyDescent="0.25">
      <c r="A75" s="10" t="s">
        <v>7</v>
      </c>
      <c r="B75" s="10" t="s">
        <v>7</v>
      </c>
      <c r="C75" s="10" t="s">
        <v>7</v>
      </c>
      <c r="D75" s="10" t="s">
        <v>7</v>
      </c>
      <c r="E75" s="10" t="s">
        <v>7</v>
      </c>
    </row>
    <row r="76" spans="1:5" x14ac:dyDescent="0.25">
      <c r="A76" s="2" t="s">
        <v>120</v>
      </c>
      <c r="B76" s="4" t="s">
        <v>1187</v>
      </c>
      <c r="C76" s="12">
        <v>307973526.45999998</v>
      </c>
      <c r="D76" s="12">
        <v>0</v>
      </c>
      <c r="E76" s="12">
        <v>0</v>
      </c>
    </row>
    <row r="78" spans="1:5" x14ac:dyDescent="0.25">
      <c r="A78" s="10" t="s">
        <v>6</v>
      </c>
      <c r="B78" s="10" t="s">
        <v>1188</v>
      </c>
      <c r="C78" s="10" t="s">
        <v>1188</v>
      </c>
    </row>
    <row r="79" spans="1:5" x14ac:dyDescent="0.25">
      <c r="A79" s="10" t="s">
        <v>7</v>
      </c>
      <c r="B79" s="10" t="s">
        <v>7</v>
      </c>
      <c r="C79" s="10" t="s">
        <v>7</v>
      </c>
    </row>
    <row r="80" spans="1:5" x14ac:dyDescent="0.25">
      <c r="A80" s="2" t="s">
        <v>121</v>
      </c>
      <c r="B80" s="4" t="s">
        <v>1189</v>
      </c>
      <c r="C80" s="12">
        <v>0</v>
      </c>
    </row>
    <row r="82" spans="1:12" x14ac:dyDescent="0.25">
      <c r="A82" s="10" t="s">
        <v>6</v>
      </c>
      <c r="B82" s="10" t="s">
        <v>1190</v>
      </c>
      <c r="C82" s="10" t="s">
        <v>1174</v>
      </c>
      <c r="D82" s="10" t="s">
        <v>1175</v>
      </c>
    </row>
    <row r="83" spans="1:12" x14ac:dyDescent="0.25">
      <c r="A83" s="10" t="s">
        <v>7</v>
      </c>
      <c r="B83" s="10" t="s">
        <v>7</v>
      </c>
      <c r="C83" s="10" t="s">
        <v>7</v>
      </c>
      <c r="D83" s="10" t="s">
        <v>7</v>
      </c>
    </row>
    <row r="84" spans="1:12" x14ac:dyDescent="0.25">
      <c r="A84" s="2" t="s">
        <v>122</v>
      </c>
      <c r="B84" s="4" t="s">
        <v>1191</v>
      </c>
      <c r="C84" s="12">
        <v>14.31</v>
      </c>
      <c r="D84" s="12">
        <v>13.4</v>
      </c>
    </row>
    <row r="86" spans="1:12" x14ac:dyDescent="0.25">
      <c r="A86" s="10" t="s">
        <v>6</v>
      </c>
      <c r="B86" s="10" t="s">
        <v>1192</v>
      </c>
      <c r="C86" s="10" t="s">
        <v>1193</v>
      </c>
      <c r="D86" s="10" t="s">
        <v>1194</v>
      </c>
      <c r="E86" s="10" t="s">
        <v>7</v>
      </c>
      <c r="F86" s="10" t="s">
        <v>7</v>
      </c>
      <c r="G86" s="10" t="s">
        <v>1198</v>
      </c>
    </row>
    <row r="87" spans="1:12" ht="21" x14ac:dyDescent="0.25">
      <c r="A87" s="10" t="s">
        <v>7</v>
      </c>
      <c r="B87" s="10" t="s">
        <v>7</v>
      </c>
      <c r="C87" s="10" t="s">
        <v>7</v>
      </c>
      <c r="D87" s="1" t="s">
        <v>1195</v>
      </c>
      <c r="E87" s="1" t="s">
        <v>1196</v>
      </c>
      <c r="F87" s="1" t="s">
        <v>1197</v>
      </c>
      <c r="G87" s="10" t="s">
        <v>7</v>
      </c>
    </row>
    <row r="88" spans="1:12" x14ac:dyDescent="0.25">
      <c r="A88" s="2" t="s">
        <v>123</v>
      </c>
      <c r="B88" s="4" t="s">
        <v>1199</v>
      </c>
      <c r="C88" s="12">
        <v>0</v>
      </c>
      <c r="D88" s="12">
        <v>0</v>
      </c>
      <c r="E88" s="12">
        <v>0</v>
      </c>
      <c r="F88" s="12">
        <v>0</v>
      </c>
      <c r="G88" s="12">
        <v>0</v>
      </c>
    </row>
    <row r="89" spans="1:12" x14ac:dyDescent="0.25">
      <c r="A89" s="2" t="s">
        <v>124</v>
      </c>
      <c r="B89" s="4" t="s">
        <v>1200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</row>
    <row r="90" spans="1:12" x14ac:dyDescent="0.25">
      <c r="A90" s="2" t="s">
        <v>125</v>
      </c>
      <c r="B90" s="4" t="s">
        <v>1201</v>
      </c>
      <c r="C90" s="12">
        <v>0</v>
      </c>
      <c r="D90" s="12">
        <v>0</v>
      </c>
      <c r="E90" s="12">
        <v>0</v>
      </c>
      <c r="F90" s="12">
        <v>0</v>
      </c>
      <c r="G90" s="12">
        <v>0</v>
      </c>
    </row>
    <row r="91" spans="1:12" x14ac:dyDescent="0.25">
      <c r="A91" s="2" t="s">
        <v>126</v>
      </c>
      <c r="B91" s="4" t="s">
        <v>1202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</row>
    <row r="93" spans="1:12" x14ac:dyDescent="0.25">
      <c r="A93" s="10" t="s">
        <v>6</v>
      </c>
      <c r="B93" s="10" t="s">
        <v>1203</v>
      </c>
      <c r="C93" s="10" t="s">
        <v>1204</v>
      </c>
      <c r="D93" s="10" t="s">
        <v>1205</v>
      </c>
      <c r="E93" s="10" t="s">
        <v>1206</v>
      </c>
      <c r="F93" s="10" t="s">
        <v>1207</v>
      </c>
      <c r="G93" s="10" t="s">
        <v>1208</v>
      </c>
      <c r="H93" s="10" t="s">
        <v>1209</v>
      </c>
      <c r="I93" s="10" t="s">
        <v>1210</v>
      </c>
      <c r="J93" s="10" t="s">
        <v>1211</v>
      </c>
      <c r="K93" s="10" t="s">
        <v>1212</v>
      </c>
      <c r="L93" s="10" t="s">
        <v>1213</v>
      </c>
    </row>
    <row r="94" spans="1:12" x14ac:dyDescent="0.25">
      <c r="A94" s="10" t="s">
        <v>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0" t="s">
        <v>7</v>
      </c>
      <c r="H94" s="10" t="s">
        <v>7</v>
      </c>
      <c r="I94" s="10" t="s">
        <v>7</v>
      </c>
      <c r="J94" s="10" t="s">
        <v>7</v>
      </c>
      <c r="K94" s="10" t="s">
        <v>7</v>
      </c>
      <c r="L94" s="10" t="s">
        <v>7</v>
      </c>
    </row>
    <row r="95" spans="1:12" x14ac:dyDescent="0.25">
      <c r="A95" s="2" t="s">
        <v>127</v>
      </c>
      <c r="B95" s="4" t="s">
        <v>1214</v>
      </c>
      <c r="C95" s="12">
        <v>0</v>
      </c>
      <c r="D95" s="12">
        <v>0</v>
      </c>
      <c r="E95" s="12">
        <v>0</v>
      </c>
      <c r="F95" s="12">
        <v>0</v>
      </c>
      <c r="G95" s="12">
        <v>0</v>
      </c>
      <c r="H95" s="12">
        <v>0</v>
      </c>
      <c r="I95" s="12">
        <v>0</v>
      </c>
      <c r="J95" s="12">
        <v>0</v>
      </c>
      <c r="K95" s="12">
        <v>0</v>
      </c>
      <c r="L95" s="12">
        <v>0</v>
      </c>
    </row>
    <row r="96" spans="1:12" x14ac:dyDescent="0.25">
      <c r="A96" s="2" t="s">
        <v>129</v>
      </c>
      <c r="B96" s="4" t="s">
        <v>1215</v>
      </c>
      <c r="C96" s="12">
        <v>0</v>
      </c>
      <c r="D96" s="12">
        <v>0</v>
      </c>
      <c r="E96" s="12">
        <v>0</v>
      </c>
      <c r="F96" s="12">
        <v>0</v>
      </c>
      <c r="G96" s="12">
        <v>0</v>
      </c>
      <c r="H96" s="12">
        <v>0</v>
      </c>
      <c r="I96" s="12">
        <v>0</v>
      </c>
      <c r="J96" s="12">
        <v>0</v>
      </c>
      <c r="K96" s="12">
        <v>0</v>
      </c>
      <c r="L96" s="12">
        <v>0</v>
      </c>
    </row>
    <row r="97" spans="1:12" x14ac:dyDescent="0.25">
      <c r="A97" s="2" t="s">
        <v>131</v>
      </c>
      <c r="B97" s="4" t="s">
        <v>1216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2" t="s">
        <v>133</v>
      </c>
      <c r="B98" s="4" t="s">
        <v>1217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  <c r="H98" s="12">
        <v>0</v>
      </c>
      <c r="I98" s="12">
        <v>0</v>
      </c>
      <c r="J98" s="12">
        <v>0</v>
      </c>
      <c r="K98" s="12">
        <v>0</v>
      </c>
      <c r="L98" s="12">
        <v>0</v>
      </c>
    </row>
    <row r="99" spans="1:12" x14ac:dyDescent="0.25">
      <c r="A99" s="2" t="s">
        <v>135</v>
      </c>
      <c r="B99" s="4" t="s">
        <v>1218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  <c r="H99" s="12">
        <v>0</v>
      </c>
      <c r="I99" s="12">
        <v>0</v>
      </c>
      <c r="J99" s="12">
        <v>0</v>
      </c>
      <c r="K99" s="12">
        <v>0</v>
      </c>
      <c r="L99" s="12">
        <v>0</v>
      </c>
    </row>
    <row r="101" spans="1:12" x14ac:dyDescent="0.25">
      <c r="A101" s="10" t="s">
        <v>6</v>
      </c>
      <c r="B101" s="10" t="s">
        <v>1219</v>
      </c>
      <c r="C101" s="10" t="s">
        <v>396</v>
      </c>
    </row>
    <row r="102" spans="1:12" x14ac:dyDescent="0.25">
      <c r="A102" s="10" t="s">
        <v>7</v>
      </c>
      <c r="B102" s="10" t="s">
        <v>7</v>
      </c>
      <c r="C102" s="10" t="s">
        <v>7</v>
      </c>
    </row>
    <row r="103" spans="1:12" x14ac:dyDescent="0.25">
      <c r="A103" s="2" t="s">
        <v>137</v>
      </c>
      <c r="B103" s="4" t="s">
        <v>1220</v>
      </c>
      <c r="C103" s="12">
        <v>0</v>
      </c>
    </row>
    <row r="104" spans="1:12" x14ac:dyDescent="0.25">
      <c r="A104" s="2" t="s">
        <v>139</v>
      </c>
      <c r="B104" s="4" t="s">
        <v>1221</v>
      </c>
      <c r="C104" s="12">
        <v>0</v>
      </c>
    </row>
    <row r="105" spans="1:12" x14ac:dyDescent="0.25">
      <c r="A105" s="2" t="s">
        <v>141</v>
      </c>
      <c r="B105" s="4" t="s">
        <v>1222</v>
      </c>
      <c r="C105" s="12">
        <v>0</v>
      </c>
    </row>
    <row r="107" spans="1:12" x14ac:dyDescent="0.25">
      <c r="A107" s="10" t="s">
        <v>6</v>
      </c>
      <c r="B107" s="10" t="s">
        <v>1223</v>
      </c>
      <c r="C107" s="10" t="s">
        <v>1224</v>
      </c>
      <c r="D107" s="10" t="s">
        <v>1194</v>
      </c>
      <c r="E107" s="10" t="s">
        <v>7</v>
      </c>
      <c r="F107" s="10" t="s">
        <v>7</v>
      </c>
      <c r="G107" s="10" t="s">
        <v>1228</v>
      </c>
    </row>
    <row r="108" spans="1:12" ht="21" x14ac:dyDescent="0.25">
      <c r="A108" s="10" t="s">
        <v>7</v>
      </c>
      <c r="B108" s="10" t="s">
        <v>7</v>
      </c>
      <c r="C108" s="10" t="s">
        <v>7</v>
      </c>
      <c r="D108" s="1" t="s">
        <v>1225</v>
      </c>
      <c r="E108" s="1" t="s">
        <v>1226</v>
      </c>
      <c r="F108" s="1" t="s">
        <v>1227</v>
      </c>
      <c r="G108" s="10" t="s">
        <v>7</v>
      </c>
    </row>
    <row r="109" spans="1:12" x14ac:dyDescent="0.25">
      <c r="A109" s="2" t="s">
        <v>143</v>
      </c>
      <c r="B109" s="4" t="s">
        <v>1229</v>
      </c>
      <c r="C109" s="12">
        <v>0</v>
      </c>
      <c r="D109" s="12">
        <v>0</v>
      </c>
      <c r="E109" s="12">
        <v>0</v>
      </c>
      <c r="F109" s="12">
        <v>0</v>
      </c>
      <c r="G109" s="12">
        <v>0</v>
      </c>
    </row>
    <row r="110" spans="1:12" x14ac:dyDescent="0.25">
      <c r="A110" s="2" t="s">
        <v>145</v>
      </c>
      <c r="B110" s="4" t="s">
        <v>1230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</row>
    <row r="111" spans="1:12" x14ac:dyDescent="0.25">
      <c r="A111" s="2" t="s">
        <v>147</v>
      </c>
      <c r="B111" s="4" t="s">
        <v>1231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</row>
    <row r="112" spans="1:12" x14ac:dyDescent="0.25">
      <c r="A112" s="2" t="s">
        <v>149</v>
      </c>
      <c r="B112" s="4" t="s">
        <v>1232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</row>
    <row r="114" spans="1:11" x14ac:dyDescent="0.25">
      <c r="A114" s="10" t="s">
        <v>6</v>
      </c>
      <c r="B114" s="10" t="s">
        <v>1233</v>
      </c>
      <c r="C114" s="10" t="s">
        <v>9</v>
      </c>
      <c r="D114" s="10" t="s">
        <v>10</v>
      </c>
      <c r="E114" s="10" t="s">
        <v>11</v>
      </c>
      <c r="F114" s="10" t="s">
        <v>11</v>
      </c>
    </row>
    <row r="115" spans="1:11" ht="21" x14ac:dyDescent="0.25">
      <c r="A115" s="10" t="s">
        <v>7</v>
      </c>
      <c r="B115" s="10" t="s">
        <v>7</v>
      </c>
      <c r="C115" s="10" t="s">
        <v>7</v>
      </c>
      <c r="D115" s="10" t="s">
        <v>7</v>
      </c>
      <c r="E115" s="1" t="s">
        <v>1234</v>
      </c>
      <c r="F115" s="1" t="s">
        <v>1132</v>
      </c>
    </row>
    <row r="116" spans="1:11" x14ac:dyDescent="0.25">
      <c r="A116" s="3" t="s">
        <v>151</v>
      </c>
      <c r="B116" s="5" t="s">
        <v>1235</v>
      </c>
      <c r="C116" s="11">
        <v>348143100</v>
      </c>
      <c r="D116" s="11">
        <v>348143100</v>
      </c>
      <c r="E116" s="11">
        <v>270148601.63999999</v>
      </c>
      <c r="F116" s="11">
        <v>77.599999999999994</v>
      </c>
    </row>
    <row r="117" spans="1:11" x14ac:dyDescent="0.25">
      <c r="A117" s="2" t="s">
        <v>152</v>
      </c>
      <c r="B117" s="4" t="s">
        <v>1236</v>
      </c>
      <c r="C117" s="12">
        <v>348143100</v>
      </c>
      <c r="D117" s="12">
        <v>348143100</v>
      </c>
      <c r="E117" s="12">
        <v>270148601.63999999</v>
      </c>
      <c r="F117" s="12">
        <v>77.599999999999994</v>
      </c>
    </row>
    <row r="118" spans="1:11" x14ac:dyDescent="0.25">
      <c r="A118" s="2" t="s">
        <v>153</v>
      </c>
      <c r="B118" s="4" t="s">
        <v>1237</v>
      </c>
      <c r="C118" s="12">
        <v>0</v>
      </c>
      <c r="D118" s="12">
        <v>0</v>
      </c>
      <c r="E118" s="12">
        <v>0</v>
      </c>
      <c r="F118" s="12">
        <v>0</v>
      </c>
    </row>
    <row r="119" spans="1:11" x14ac:dyDescent="0.25">
      <c r="A119" s="2" t="s">
        <v>155</v>
      </c>
      <c r="B119" s="4" t="s">
        <v>1238</v>
      </c>
      <c r="C119" s="12">
        <v>0</v>
      </c>
      <c r="D119" s="12">
        <v>0</v>
      </c>
      <c r="E119" s="12">
        <v>0</v>
      </c>
      <c r="F119" s="12">
        <v>0</v>
      </c>
    </row>
    <row r="120" spans="1:11" x14ac:dyDescent="0.25">
      <c r="A120" s="2" t="s">
        <v>157</v>
      </c>
      <c r="B120" s="4" t="s">
        <v>1239</v>
      </c>
      <c r="C120" s="12">
        <v>0</v>
      </c>
      <c r="D120" s="12">
        <v>0</v>
      </c>
      <c r="E120" s="12">
        <v>0</v>
      </c>
      <c r="F120" s="12">
        <v>0</v>
      </c>
    </row>
    <row r="121" spans="1:11" x14ac:dyDescent="0.25">
      <c r="A121" s="2" t="s">
        <v>159</v>
      </c>
      <c r="B121" s="4" t="s">
        <v>1240</v>
      </c>
      <c r="C121" s="12">
        <v>711200</v>
      </c>
      <c r="D121" s="12">
        <v>711200</v>
      </c>
      <c r="E121" s="12">
        <v>124851.89</v>
      </c>
      <c r="F121" s="12">
        <v>17.559999999999999</v>
      </c>
    </row>
    <row r="122" spans="1:11" x14ac:dyDescent="0.25">
      <c r="A122" s="3" t="s">
        <v>161</v>
      </c>
      <c r="B122" s="5" t="s">
        <v>1241</v>
      </c>
      <c r="C122" s="11">
        <v>348854300</v>
      </c>
      <c r="D122" s="11">
        <v>348854300</v>
      </c>
      <c r="E122" s="11">
        <v>270273453.52999997</v>
      </c>
      <c r="F122" s="11">
        <v>77.47</v>
      </c>
    </row>
    <row r="124" spans="1:11" x14ac:dyDescent="0.25">
      <c r="A124" s="10" t="s">
        <v>6</v>
      </c>
      <c r="B124" s="10" t="s">
        <v>1242</v>
      </c>
      <c r="C124" s="10" t="s">
        <v>407</v>
      </c>
      <c r="D124" s="10" t="s">
        <v>602</v>
      </c>
      <c r="E124" s="10" t="s">
        <v>168</v>
      </c>
      <c r="F124" s="10" t="s">
        <v>7</v>
      </c>
      <c r="G124" s="10" t="s">
        <v>172</v>
      </c>
      <c r="H124" s="10" t="s">
        <v>7</v>
      </c>
      <c r="I124" s="10" t="s">
        <v>1160</v>
      </c>
      <c r="J124" s="10" t="s">
        <v>7</v>
      </c>
      <c r="K124" s="10" t="s">
        <v>877</v>
      </c>
    </row>
    <row r="125" spans="1:11" ht="21" x14ac:dyDescent="0.25">
      <c r="A125" s="10" t="s">
        <v>7</v>
      </c>
      <c r="B125" s="10" t="s">
        <v>7</v>
      </c>
      <c r="C125" s="10" t="s">
        <v>7</v>
      </c>
      <c r="D125" s="10" t="s">
        <v>7</v>
      </c>
      <c r="E125" s="1" t="s">
        <v>412</v>
      </c>
      <c r="F125" s="1" t="s">
        <v>1157</v>
      </c>
      <c r="G125" s="1" t="s">
        <v>1158</v>
      </c>
      <c r="H125" s="1" t="s">
        <v>1243</v>
      </c>
      <c r="I125" s="1" t="s">
        <v>170</v>
      </c>
      <c r="J125" s="1" t="s">
        <v>1244</v>
      </c>
      <c r="K125" s="10" t="s">
        <v>7</v>
      </c>
    </row>
    <row r="126" spans="1:11" x14ac:dyDescent="0.25">
      <c r="A126" s="3" t="s">
        <v>163</v>
      </c>
      <c r="B126" s="5" t="s">
        <v>1245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  <c r="K126" s="11">
        <v>0</v>
      </c>
    </row>
    <row r="127" spans="1:11" x14ac:dyDescent="0.25">
      <c r="A127" s="2" t="s">
        <v>178</v>
      </c>
      <c r="B127" s="4" t="s">
        <v>1163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  <c r="J127" s="12">
        <v>0</v>
      </c>
      <c r="K127" s="12">
        <v>0</v>
      </c>
    </row>
    <row r="128" spans="1:11" x14ac:dyDescent="0.25">
      <c r="A128" s="2" t="s">
        <v>180</v>
      </c>
      <c r="B128" s="4" t="s">
        <v>1164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  <c r="K128" s="12">
        <v>0</v>
      </c>
    </row>
    <row r="129" spans="1:11" x14ac:dyDescent="0.25">
      <c r="A129" s="3" t="s">
        <v>182</v>
      </c>
      <c r="B129" s="5" t="s">
        <v>1246</v>
      </c>
      <c r="C129" s="11">
        <v>280942400</v>
      </c>
      <c r="D129" s="11">
        <v>405195202.66000003</v>
      </c>
      <c r="E129" s="11">
        <v>231246955.93000001</v>
      </c>
      <c r="F129" s="11">
        <v>57.07</v>
      </c>
      <c r="G129" s="11">
        <v>169783097.81999999</v>
      </c>
      <c r="H129" s="11">
        <v>41.9</v>
      </c>
      <c r="I129" s="11">
        <v>169647143.44999999</v>
      </c>
      <c r="J129" s="11">
        <v>41.87</v>
      </c>
      <c r="K129" s="11">
        <v>61463858.109999999</v>
      </c>
    </row>
    <row r="130" spans="1:11" x14ac:dyDescent="0.25">
      <c r="A130" s="2" t="s">
        <v>184</v>
      </c>
      <c r="B130" s="4" t="s">
        <v>1163</v>
      </c>
      <c r="C130" s="12">
        <v>194523500</v>
      </c>
      <c r="D130" s="12">
        <v>235359317.25999999</v>
      </c>
      <c r="E130" s="12">
        <v>185365200.59</v>
      </c>
      <c r="F130" s="12">
        <v>78.760000000000005</v>
      </c>
      <c r="G130" s="12">
        <v>159511925.37</v>
      </c>
      <c r="H130" s="12">
        <v>67.77</v>
      </c>
      <c r="I130" s="12">
        <v>159375971</v>
      </c>
      <c r="J130" s="12">
        <v>67.72</v>
      </c>
      <c r="K130" s="12">
        <v>25853275.219999999</v>
      </c>
    </row>
    <row r="131" spans="1:11" x14ac:dyDescent="0.25">
      <c r="A131" s="2" t="s">
        <v>186</v>
      </c>
      <c r="B131" s="4" t="s">
        <v>1166</v>
      </c>
      <c r="C131" s="12">
        <v>86418900</v>
      </c>
      <c r="D131" s="12">
        <v>169835885.40000001</v>
      </c>
      <c r="E131" s="12">
        <v>45881755.340000004</v>
      </c>
      <c r="F131" s="12">
        <v>27.02</v>
      </c>
      <c r="G131" s="12">
        <v>10271172.449999999</v>
      </c>
      <c r="H131" s="12">
        <v>6.05</v>
      </c>
      <c r="I131" s="12">
        <v>10271172.449999999</v>
      </c>
      <c r="J131" s="12">
        <v>6.05</v>
      </c>
      <c r="K131" s="12">
        <v>35610582.890000001</v>
      </c>
    </row>
    <row r="132" spans="1:11" x14ac:dyDescent="0.25">
      <c r="A132" s="3" t="s">
        <v>188</v>
      </c>
      <c r="B132" s="5" t="s">
        <v>1247</v>
      </c>
      <c r="C132" s="11">
        <v>34133900</v>
      </c>
      <c r="D132" s="11">
        <v>45134141</v>
      </c>
      <c r="E132" s="11">
        <v>28660823.620000001</v>
      </c>
      <c r="F132" s="11">
        <v>63.5</v>
      </c>
      <c r="G132" s="11">
        <v>24274565.539999999</v>
      </c>
      <c r="H132" s="11">
        <v>53.78</v>
      </c>
      <c r="I132" s="11">
        <v>24086489.539999999</v>
      </c>
      <c r="J132" s="11">
        <v>53.37</v>
      </c>
      <c r="K132" s="11">
        <v>4386258.08</v>
      </c>
    </row>
    <row r="133" spans="1:11" x14ac:dyDescent="0.25">
      <c r="A133" s="2" t="s">
        <v>190</v>
      </c>
      <c r="B133" s="4" t="s">
        <v>1163</v>
      </c>
      <c r="C133" s="12">
        <v>34133900</v>
      </c>
      <c r="D133" s="12">
        <v>45134141</v>
      </c>
      <c r="E133" s="12">
        <v>28660823.620000001</v>
      </c>
      <c r="F133" s="12">
        <v>63.5</v>
      </c>
      <c r="G133" s="12">
        <v>24274565.539999999</v>
      </c>
      <c r="H133" s="12">
        <v>53.78</v>
      </c>
      <c r="I133" s="12">
        <v>24086489.539999999</v>
      </c>
      <c r="J133" s="12">
        <v>53.37</v>
      </c>
      <c r="K133" s="12">
        <v>4386258.08</v>
      </c>
    </row>
    <row r="134" spans="1:11" x14ac:dyDescent="0.25">
      <c r="A134" s="2" t="s">
        <v>192</v>
      </c>
      <c r="B134" s="4" t="s">
        <v>1166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  <c r="K134" s="12">
        <v>0</v>
      </c>
    </row>
    <row r="135" spans="1:11" x14ac:dyDescent="0.25">
      <c r="A135" s="3" t="s">
        <v>194</v>
      </c>
      <c r="B135" s="5" t="s">
        <v>1248</v>
      </c>
      <c r="C135" s="11">
        <v>2131900</v>
      </c>
      <c r="D135" s="11">
        <v>1900900</v>
      </c>
      <c r="E135" s="11">
        <v>143741.35999999999</v>
      </c>
      <c r="F135" s="11">
        <v>7.56</v>
      </c>
      <c r="G135" s="11">
        <v>112351.4</v>
      </c>
      <c r="H135" s="11">
        <v>5.91</v>
      </c>
      <c r="I135" s="11">
        <v>112351.4</v>
      </c>
      <c r="J135" s="11">
        <v>5.91</v>
      </c>
      <c r="K135" s="11">
        <v>31389.96</v>
      </c>
    </row>
    <row r="136" spans="1:11" x14ac:dyDescent="0.25">
      <c r="A136" s="2" t="s">
        <v>196</v>
      </c>
      <c r="B136" s="4" t="s">
        <v>1163</v>
      </c>
      <c r="C136" s="12">
        <v>2131900</v>
      </c>
      <c r="D136" s="12">
        <v>1900900</v>
      </c>
      <c r="E136" s="12">
        <v>143741.35999999999</v>
      </c>
      <c r="F136" s="12">
        <v>7.56</v>
      </c>
      <c r="G136" s="12">
        <v>112351.4</v>
      </c>
      <c r="H136" s="12">
        <v>5.91</v>
      </c>
      <c r="I136" s="12">
        <v>112351.4</v>
      </c>
      <c r="J136" s="12">
        <v>5.91</v>
      </c>
      <c r="K136" s="12">
        <v>31389.96</v>
      </c>
    </row>
    <row r="137" spans="1:11" x14ac:dyDescent="0.25">
      <c r="A137" s="2" t="s">
        <v>198</v>
      </c>
      <c r="B137" s="4" t="s">
        <v>1166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  <c r="K137" s="12">
        <v>0</v>
      </c>
    </row>
    <row r="138" spans="1:11" x14ac:dyDescent="0.25">
      <c r="A138" s="3" t="s">
        <v>200</v>
      </c>
      <c r="B138" s="5" t="s">
        <v>1249</v>
      </c>
      <c r="C138" s="11">
        <v>28481700</v>
      </c>
      <c r="D138" s="11">
        <v>78526000</v>
      </c>
      <c r="E138" s="11">
        <v>54513910.659999996</v>
      </c>
      <c r="F138" s="11">
        <v>69.42</v>
      </c>
      <c r="G138" s="11">
        <v>41191671.539999999</v>
      </c>
      <c r="H138" s="11">
        <v>52.46</v>
      </c>
      <c r="I138" s="11">
        <v>41190117.75</v>
      </c>
      <c r="J138" s="11">
        <v>52.45</v>
      </c>
      <c r="K138" s="11">
        <v>13322239.119999999</v>
      </c>
    </row>
    <row r="139" spans="1:11" x14ac:dyDescent="0.25">
      <c r="A139" s="2" t="s">
        <v>202</v>
      </c>
      <c r="B139" s="4" t="s">
        <v>1163</v>
      </c>
      <c r="C139" s="12">
        <v>14227200</v>
      </c>
      <c r="D139" s="12">
        <v>59380173</v>
      </c>
      <c r="E139" s="12">
        <v>49337342.759999998</v>
      </c>
      <c r="F139" s="12">
        <v>83.09</v>
      </c>
      <c r="G139" s="12">
        <v>40776611.539999999</v>
      </c>
      <c r="H139" s="12">
        <v>68.67</v>
      </c>
      <c r="I139" s="12">
        <v>40775057.75</v>
      </c>
      <c r="J139" s="12">
        <v>68.67</v>
      </c>
      <c r="K139" s="12">
        <v>8560731.2200000007</v>
      </c>
    </row>
    <row r="140" spans="1:11" x14ac:dyDescent="0.25">
      <c r="A140" s="2" t="s">
        <v>204</v>
      </c>
      <c r="B140" s="4" t="s">
        <v>1166</v>
      </c>
      <c r="C140" s="12">
        <v>14254500</v>
      </c>
      <c r="D140" s="12">
        <v>19145827</v>
      </c>
      <c r="E140" s="12">
        <v>5176567.9000000004</v>
      </c>
      <c r="F140" s="12">
        <v>27.04</v>
      </c>
      <c r="G140" s="12">
        <v>415060</v>
      </c>
      <c r="H140" s="12">
        <v>2.17</v>
      </c>
      <c r="I140" s="12">
        <v>415060</v>
      </c>
      <c r="J140" s="12">
        <v>2.17</v>
      </c>
      <c r="K140" s="12">
        <v>4761507.9000000004</v>
      </c>
    </row>
    <row r="141" spans="1:11" x14ac:dyDescent="0.25">
      <c r="A141" s="3" t="s">
        <v>206</v>
      </c>
      <c r="B141" s="5" t="s">
        <v>1250</v>
      </c>
      <c r="C141" s="11">
        <v>377500</v>
      </c>
      <c r="D141" s="11">
        <v>377500</v>
      </c>
      <c r="E141" s="11">
        <v>236824.89</v>
      </c>
      <c r="F141" s="11">
        <v>62.74</v>
      </c>
      <c r="G141" s="11">
        <v>46604.959999999999</v>
      </c>
      <c r="H141" s="11">
        <v>12.35</v>
      </c>
      <c r="I141" s="11">
        <v>46604.959999999999</v>
      </c>
      <c r="J141" s="11">
        <v>12.35</v>
      </c>
      <c r="K141" s="11">
        <v>190219.93</v>
      </c>
    </row>
    <row r="142" spans="1:11" x14ac:dyDescent="0.25">
      <c r="A142" s="2" t="s">
        <v>208</v>
      </c>
      <c r="B142" s="4" t="s">
        <v>1163</v>
      </c>
      <c r="C142" s="12">
        <v>377500</v>
      </c>
      <c r="D142" s="12">
        <v>377500</v>
      </c>
      <c r="E142" s="12">
        <v>236824.89</v>
      </c>
      <c r="F142" s="12">
        <v>62.74</v>
      </c>
      <c r="G142" s="12">
        <v>46604.959999999999</v>
      </c>
      <c r="H142" s="12">
        <v>12.35</v>
      </c>
      <c r="I142" s="12">
        <v>46604.959999999999</v>
      </c>
      <c r="J142" s="12">
        <v>12.35</v>
      </c>
      <c r="K142" s="12">
        <v>190219.93</v>
      </c>
    </row>
    <row r="143" spans="1:11" x14ac:dyDescent="0.25">
      <c r="A143" s="2" t="s">
        <v>210</v>
      </c>
      <c r="B143" s="4" t="s">
        <v>1166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  <c r="H143" s="12">
        <v>0</v>
      </c>
      <c r="I143" s="12">
        <v>0</v>
      </c>
      <c r="J143" s="12">
        <v>0</v>
      </c>
      <c r="K143" s="12">
        <v>0</v>
      </c>
    </row>
    <row r="144" spans="1:11" x14ac:dyDescent="0.25">
      <c r="A144" s="3" t="s">
        <v>212</v>
      </c>
      <c r="B144" s="5" t="s">
        <v>1251</v>
      </c>
      <c r="C144" s="11">
        <v>2786900</v>
      </c>
      <c r="D144" s="11">
        <v>2786900</v>
      </c>
      <c r="E144" s="11">
        <v>441620.13</v>
      </c>
      <c r="F144" s="11">
        <v>15.85</v>
      </c>
      <c r="G144" s="11">
        <v>357794.99</v>
      </c>
      <c r="H144" s="11">
        <v>12.84</v>
      </c>
      <c r="I144" s="11">
        <v>357794.99</v>
      </c>
      <c r="J144" s="11">
        <v>12.84</v>
      </c>
      <c r="K144" s="11">
        <v>83825.14</v>
      </c>
    </row>
    <row r="145" spans="1:11" x14ac:dyDescent="0.25">
      <c r="A145" s="2" t="s">
        <v>214</v>
      </c>
      <c r="B145" s="4" t="s">
        <v>1163</v>
      </c>
      <c r="C145" s="12">
        <v>2487900</v>
      </c>
      <c r="D145" s="12">
        <v>2487900</v>
      </c>
      <c r="E145" s="12">
        <v>436180.13</v>
      </c>
      <c r="F145" s="12">
        <v>17.53</v>
      </c>
      <c r="G145" s="12">
        <v>352354.99</v>
      </c>
      <c r="H145" s="12">
        <v>14.16</v>
      </c>
      <c r="I145" s="12">
        <v>352354.99</v>
      </c>
      <c r="J145" s="12">
        <v>14.16</v>
      </c>
      <c r="K145" s="12">
        <v>83825.14</v>
      </c>
    </row>
    <row r="146" spans="1:11" x14ac:dyDescent="0.25">
      <c r="A146" s="2" t="s">
        <v>216</v>
      </c>
      <c r="B146" s="4" t="s">
        <v>1166</v>
      </c>
      <c r="C146" s="12">
        <v>299000</v>
      </c>
      <c r="D146" s="12">
        <v>299000</v>
      </c>
      <c r="E146" s="12">
        <v>5440</v>
      </c>
      <c r="F146" s="12">
        <v>1.82</v>
      </c>
      <c r="G146" s="12">
        <v>5440</v>
      </c>
      <c r="H146" s="12">
        <v>1.82</v>
      </c>
      <c r="I146" s="12">
        <v>5440</v>
      </c>
      <c r="J146" s="12">
        <v>1.82</v>
      </c>
      <c r="K146" s="12">
        <v>0</v>
      </c>
    </row>
    <row r="147" spans="1:11" x14ac:dyDescent="0.25">
      <c r="A147" s="3" t="s">
        <v>217</v>
      </c>
      <c r="B147" s="5" t="s">
        <v>1252</v>
      </c>
      <c r="C147" s="11">
        <v>348854300</v>
      </c>
      <c r="D147" s="11">
        <v>533920643.66000003</v>
      </c>
      <c r="E147" s="11">
        <v>315243876.58999997</v>
      </c>
      <c r="F147" s="11">
        <v>59.04</v>
      </c>
      <c r="G147" s="11">
        <v>235766086.25</v>
      </c>
      <c r="H147" s="11">
        <v>44.16</v>
      </c>
      <c r="I147" s="11">
        <v>235440502.09</v>
      </c>
      <c r="J147" s="11">
        <v>44.1</v>
      </c>
      <c r="K147" s="11">
        <v>79477790.340000004</v>
      </c>
    </row>
    <row r="149" spans="1:11" x14ac:dyDescent="0.25">
      <c r="A149" s="10" t="s">
        <v>6</v>
      </c>
      <c r="B149" s="10" t="s">
        <v>1253</v>
      </c>
      <c r="C149" s="10" t="s">
        <v>407</v>
      </c>
      <c r="D149" s="10" t="s">
        <v>602</v>
      </c>
      <c r="E149" s="10" t="s">
        <v>168</v>
      </c>
      <c r="F149" s="10" t="s">
        <v>7</v>
      </c>
      <c r="G149" s="10" t="s">
        <v>172</v>
      </c>
      <c r="H149" s="10" t="s">
        <v>7</v>
      </c>
      <c r="I149" s="10" t="s">
        <v>1160</v>
      </c>
      <c r="J149" s="10" t="s">
        <v>7</v>
      </c>
      <c r="K149" s="10" t="s">
        <v>877</v>
      </c>
    </row>
    <row r="150" spans="1:11" ht="21" x14ac:dyDescent="0.25">
      <c r="A150" s="10" t="s">
        <v>7</v>
      </c>
      <c r="B150" s="10" t="s">
        <v>7</v>
      </c>
      <c r="C150" s="10" t="s">
        <v>7</v>
      </c>
      <c r="D150" s="10" t="s">
        <v>7</v>
      </c>
      <c r="E150" s="1" t="s">
        <v>412</v>
      </c>
      <c r="F150" s="1" t="s">
        <v>1157</v>
      </c>
      <c r="G150" s="1" t="s">
        <v>1254</v>
      </c>
      <c r="H150" s="1" t="s">
        <v>1243</v>
      </c>
      <c r="I150" s="1" t="s">
        <v>170</v>
      </c>
      <c r="J150" s="1" t="s">
        <v>1244</v>
      </c>
      <c r="K150" s="10" t="s">
        <v>7</v>
      </c>
    </row>
    <row r="151" spans="1:11" x14ac:dyDescent="0.25">
      <c r="A151" s="2" t="s">
        <v>218</v>
      </c>
      <c r="B151" s="4" t="s">
        <v>1255</v>
      </c>
      <c r="C151" s="12">
        <v>69829000</v>
      </c>
      <c r="D151" s="12">
        <v>60540567</v>
      </c>
      <c r="E151" s="12">
        <v>60069514</v>
      </c>
      <c r="F151" s="12">
        <v>99.22</v>
      </c>
      <c r="G151" s="12">
        <v>51501175.520000003</v>
      </c>
      <c r="H151" s="12">
        <v>85.07</v>
      </c>
      <c r="I151" s="12">
        <v>51501175.520000003</v>
      </c>
      <c r="J151" s="12">
        <v>85.07</v>
      </c>
      <c r="K151" s="12">
        <v>8568338.4800000004</v>
      </c>
    </row>
    <row r="152" spans="1:11" x14ac:dyDescent="0.25">
      <c r="A152" s="2" t="s">
        <v>220</v>
      </c>
      <c r="B152" s="4" t="s">
        <v>1256</v>
      </c>
      <c r="C152" s="12">
        <v>990369700</v>
      </c>
      <c r="D152" s="12">
        <v>1278336381.6600001</v>
      </c>
      <c r="E152" s="12">
        <v>1005334012.6</v>
      </c>
      <c r="F152" s="12">
        <v>78.64</v>
      </c>
      <c r="G152" s="12">
        <v>880569191.49000001</v>
      </c>
      <c r="H152" s="12">
        <v>68.88</v>
      </c>
      <c r="I152" s="12">
        <v>879716273.72000003</v>
      </c>
      <c r="J152" s="12">
        <v>68.819999999999993</v>
      </c>
      <c r="K152" s="12">
        <v>124764821.11</v>
      </c>
    </row>
    <row r="153" spans="1:11" x14ac:dyDescent="0.25">
      <c r="A153" s="2" t="s">
        <v>222</v>
      </c>
      <c r="B153" s="4" t="s">
        <v>1257</v>
      </c>
      <c r="C153" s="12">
        <v>92524600</v>
      </c>
      <c r="D153" s="12">
        <v>208782028</v>
      </c>
      <c r="E153" s="12">
        <v>162274686.88999999</v>
      </c>
      <c r="F153" s="12">
        <v>77.72</v>
      </c>
      <c r="G153" s="12">
        <v>140981053.46000001</v>
      </c>
      <c r="H153" s="12">
        <v>67.53</v>
      </c>
      <c r="I153" s="12">
        <v>140218075.30000001</v>
      </c>
      <c r="J153" s="12">
        <v>67.16</v>
      </c>
      <c r="K153" s="12">
        <v>21293633.43</v>
      </c>
    </row>
    <row r="154" spans="1:11" x14ac:dyDescent="0.25">
      <c r="A154" s="2" t="s">
        <v>224</v>
      </c>
      <c r="B154" s="4" t="s">
        <v>1258</v>
      </c>
      <c r="C154" s="12">
        <v>2631900</v>
      </c>
      <c r="D154" s="12">
        <v>2400900</v>
      </c>
      <c r="E154" s="12">
        <v>522531.92</v>
      </c>
      <c r="F154" s="12">
        <v>21.76</v>
      </c>
      <c r="G154" s="12">
        <v>491141.96</v>
      </c>
      <c r="H154" s="12">
        <v>20.46</v>
      </c>
      <c r="I154" s="12">
        <v>491141.96</v>
      </c>
      <c r="J154" s="12">
        <v>20.46</v>
      </c>
      <c r="K154" s="12">
        <v>31389.96</v>
      </c>
    </row>
    <row r="155" spans="1:11" x14ac:dyDescent="0.25">
      <c r="A155" s="2" t="s">
        <v>227</v>
      </c>
      <c r="B155" s="4" t="s">
        <v>1259</v>
      </c>
      <c r="C155" s="12">
        <v>48339700</v>
      </c>
      <c r="D155" s="12">
        <v>165109051</v>
      </c>
      <c r="E155" s="12">
        <v>131642588.39</v>
      </c>
      <c r="F155" s="12">
        <v>79.73</v>
      </c>
      <c r="G155" s="12">
        <v>112768274.75</v>
      </c>
      <c r="H155" s="12">
        <v>79.73</v>
      </c>
      <c r="I155" s="12">
        <v>112766720.95999999</v>
      </c>
      <c r="J155" s="12">
        <v>79.73</v>
      </c>
      <c r="K155" s="12">
        <v>18874313.640000001</v>
      </c>
    </row>
    <row r="156" spans="1:11" x14ac:dyDescent="0.25">
      <c r="A156" s="2" t="s">
        <v>229</v>
      </c>
      <c r="B156" s="4" t="s">
        <v>1260</v>
      </c>
      <c r="C156" s="12">
        <v>34670700</v>
      </c>
      <c r="D156" s="12">
        <v>43280400</v>
      </c>
      <c r="E156" s="12">
        <v>43139706.770000003</v>
      </c>
      <c r="F156" s="12">
        <v>99.67</v>
      </c>
      <c r="G156" s="12">
        <v>39034422.469999999</v>
      </c>
      <c r="H156" s="12">
        <v>90.19</v>
      </c>
      <c r="I156" s="12">
        <v>39034422.469999999</v>
      </c>
      <c r="J156" s="12">
        <v>90.19</v>
      </c>
      <c r="K156" s="12">
        <v>4105284.3</v>
      </c>
    </row>
    <row r="157" spans="1:11" x14ac:dyDescent="0.25">
      <c r="A157" s="2" t="s">
        <v>231</v>
      </c>
      <c r="B157" s="4" t="s">
        <v>1261</v>
      </c>
      <c r="C157" s="12">
        <v>367871800</v>
      </c>
      <c r="D157" s="12">
        <v>836240420.58000004</v>
      </c>
      <c r="E157" s="12">
        <v>816899132.25</v>
      </c>
      <c r="F157" s="12">
        <v>97.69</v>
      </c>
      <c r="G157" s="12">
        <v>793256946.69000006</v>
      </c>
      <c r="H157" s="12">
        <v>94.86</v>
      </c>
      <c r="I157" s="12">
        <v>779429684.38</v>
      </c>
      <c r="J157" s="12">
        <v>93.21</v>
      </c>
      <c r="K157" s="12">
        <v>23642185.559999999</v>
      </c>
    </row>
    <row r="158" spans="1:11" x14ac:dyDescent="0.25">
      <c r="A158" s="2" t="s">
        <v>233</v>
      </c>
      <c r="B158" s="4" t="s">
        <v>1262</v>
      </c>
      <c r="C158" s="12">
        <v>1606237400</v>
      </c>
      <c r="D158" s="12">
        <v>2594689748.2399998</v>
      </c>
      <c r="E158" s="12">
        <v>2219882172.8200002</v>
      </c>
      <c r="F158" s="12">
        <v>85.55</v>
      </c>
      <c r="G158" s="12">
        <v>2018602206.3399999</v>
      </c>
      <c r="H158" s="12">
        <v>77.8</v>
      </c>
      <c r="I158" s="12">
        <v>2003157494.3099999</v>
      </c>
      <c r="J158" s="12">
        <v>77.2</v>
      </c>
      <c r="K158" s="12">
        <v>201279966.47999999</v>
      </c>
    </row>
    <row r="159" spans="1:11" x14ac:dyDescent="0.25">
      <c r="A159" s="2" t="s">
        <v>235</v>
      </c>
      <c r="B159" s="4" t="s">
        <v>1263</v>
      </c>
      <c r="C159" s="12">
        <v>348854300</v>
      </c>
      <c r="D159" s="12">
        <v>533920643.66000003</v>
      </c>
      <c r="E159" s="12">
        <v>315243876.58999997</v>
      </c>
      <c r="F159" s="12">
        <v>59.04</v>
      </c>
      <c r="G159" s="12">
        <v>235766086.25</v>
      </c>
      <c r="H159" s="12">
        <v>44.16</v>
      </c>
      <c r="I159" s="12">
        <v>235440502.09</v>
      </c>
      <c r="J159" s="12">
        <v>44.1</v>
      </c>
      <c r="K159" s="12">
        <v>79477790.340000004</v>
      </c>
    </row>
    <row r="160" spans="1:11" x14ac:dyDescent="0.25">
      <c r="A160" s="2" t="s">
        <v>237</v>
      </c>
      <c r="B160" s="4" t="s">
        <v>1264</v>
      </c>
      <c r="C160" s="12">
        <v>1257383100</v>
      </c>
      <c r="D160" s="12">
        <v>2060769104.5799999</v>
      </c>
      <c r="E160" s="12">
        <v>1904638296.23</v>
      </c>
      <c r="F160" s="12">
        <v>92.42</v>
      </c>
      <c r="G160" s="12">
        <v>1782836120.0899999</v>
      </c>
      <c r="H160" s="12">
        <v>86.51</v>
      </c>
      <c r="I160" s="12">
        <v>1767716992.22</v>
      </c>
      <c r="J160" s="12">
        <v>85.78</v>
      </c>
      <c r="K160" s="12">
        <v>121802176.14</v>
      </c>
    </row>
  </sheetData>
  <mergeCells count="85">
    <mergeCell ref="G124:H124"/>
    <mergeCell ref="I124:J124"/>
    <mergeCell ref="K124:K125"/>
    <mergeCell ref="A149:A150"/>
    <mergeCell ref="B149:B150"/>
    <mergeCell ref="C149:C150"/>
    <mergeCell ref="D149:D150"/>
    <mergeCell ref="E149:F149"/>
    <mergeCell ref="G149:H149"/>
    <mergeCell ref="I149:J149"/>
    <mergeCell ref="K149:K150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K36:K37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40"/>
  <sheetViews>
    <sheetView showGridLines="0" workbookViewId="0"/>
  </sheetViews>
  <sheetFormatPr defaultRowHeight="15" x14ac:dyDescent="0.25"/>
  <cols>
    <col min="1" max="1" width="2.7109375" bestFit="1" customWidth="1"/>
    <col min="2" max="2" width="84.140625" bestFit="1" customWidth="1"/>
    <col min="3" max="4" width="14.85546875" bestFit="1" customWidth="1"/>
    <col min="5" max="5" width="11" bestFit="1" customWidth="1"/>
    <col min="6" max="6" width="14.85546875" bestFit="1" customWidth="1"/>
    <col min="7" max="7" width="9.28515625" bestFit="1" customWidth="1"/>
    <col min="8" max="8" width="14.85546875" bestFit="1" customWidth="1"/>
    <col min="9" max="10" width="9.28515625" bestFit="1" customWidth="1"/>
  </cols>
  <sheetData>
    <row r="3" spans="1:10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</row>
    <row r="4" spans="1:10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</row>
    <row r="5" spans="1:10" x14ac:dyDescent="0.25">
      <c r="A5" s="8" t="s">
        <v>1265</v>
      </c>
      <c r="B5" s="7"/>
      <c r="C5" s="7"/>
      <c r="D5" s="7"/>
      <c r="E5" s="7"/>
      <c r="F5" s="7"/>
      <c r="G5" s="7"/>
      <c r="H5" s="7"/>
      <c r="I5" s="7"/>
      <c r="J5" s="7"/>
    </row>
    <row r="6" spans="1:10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</row>
    <row r="7" spans="1:10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</row>
    <row r="9" spans="1:10" x14ac:dyDescent="0.25">
      <c r="A9" s="9" t="s">
        <v>1266</v>
      </c>
      <c r="B9" s="7"/>
      <c r="C9" s="7"/>
      <c r="D9" s="7"/>
      <c r="E9" s="7"/>
      <c r="F9" s="7"/>
      <c r="G9" s="7"/>
      <c r="H9" s="7"/>
      <c r="I9" s="7"/>
      <c r="J9" s="7"/>
    </row>
    <row r="10" spans="1:10" x14ac:dyDescent="0.25">
      <c r="A10" s="10" t="s">
        <v>6</v>
      </c>
      <c r="B10" s="10" t="s">
        <v>1267</v>
      </c>
      <c r="C10" s="10" t="s">
        <v>990</v>
      </c>
      <c r="D10" s="10" t="s">
        <v>168</v>
      </c>
      <c r="E10" s="10" t="s">
        <v>7</v>
      </c>
      <c r="F10" s="10" t="s">
        <v>172</v>
      </c>
      <c r="G10" s="10" t="s">
        <v>7</v>
      </c>
      <c r="H10" s="10" t="s">
        <v>1160</v>
      </c>
      <c r="I10" s="10" t="s">
        <v>7</v>
      </c>
      <c r="J10" s="10" t="s">
        <v>1270</v>
      </c>
    </row>
    <row r="11" spans="1:10" ht="31.5" x14ac:dyDescent="0.25">
      <c r="A11" s="10" t="s">
        <v>7</v>
      </c>
      <c r="B11" s="10" t="s">
        <v>7</v>
      </c>
      <c r="C11" s="10" t="s">
        <v>7</v>
      </c>
      <c r="D11" s="1" t="s">
        <v>409</v>
      </c>
      <c r="E11" s="1" t="s">
        <v>1132</v>
      </c>
      <c r="F11" s="1" t="s">
        <v>14</v>
      </c>
      <c r="G11" s="1" t="s">
        <v>1268</v>
      </c>
      <c r="H11" s="1" t="s">
        <v>412</v>
      </c>
      <c r="I11" s="1" t="s">
        <v>1269</v>
      </c>
      <c r="J11" s="10" t="s">
        <v>7</v>
      </c>
    </row>
    <row r="12" spans="1:10" x14ac:dyDescent="0.25">
      <c r="A12" s="3" t="s">
        <v>17</v>
      </c>
      <c r="B12" s="5" t="s">
        <v>1271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  <c r="H12" s="11">
        <v>0</v>
      </c>
      <c r="I12" s="11">
        <v>0</v>
      </c>
      <c r="J12" s="11">
        <v>0</v>
      </c>
    </row>
    <row r="13" spans="1:10" x14ac:dyDescent="0.25">
      <c r="A13" s="2" t="s">
        <v>19</v>
      </c>
      <c r="B13" s="4" t="s">
        <v>1272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  <c r="H13" s="12">
        <v>0</v>
      </c>
      <c r="I13" s="12">
        <v>0</v>
      </c>
      <c r="J13" s="12">
        <v>0</v>
      </c>
    </row>
    <row r="14" spans="1:10" x14ac:dyDescent="0.25">
      <c r="A14" s="2" t="s">
        <v>21</v>
      </c>
      <c r="B14" s="4" t="s">
        <v>1273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  <c r="H14" s="12">
        <v>0</v>
      </c>
      <c r="I14" s="12">
        <v>0</v>
      </c>
      <c r="J14" s="12">
        <v>0</v>
      </c>
    </row>
    <row r="15" spans="1:10" x14ac:dyDescent="0.25">
      <c r="A15" s="3" t="s">
        <v>23</v>
      </c>
      <c r="B15" s="5" t="s">
        <v>1274</v>
      </c>
      <c r="C15" s="11">
        <v>0</v>
      </c>
      <c r="D15" s="11">
        <v>0</v>
      </c>
      <c r="E15" s="11">
        <v>0</v>
      </c>
      <c r="F15" s="11">
        <v>0</v>
      </c>
      <c r="G15" s="11">
        <v>0</v>
      </c>
      <c r="H15" s="11">
        <v>0</v>
      </c>
      <c r="I15" s="11">
        <v>0</v>
      </c>
      <c r="J15" s="11">
        <v>0</v>
      </c>
    </row>
    <row r="16" spans="1:10" x14ac:dyDescent="0.25">
      <c r="A16" s="2" t="s">
        <v>25</v>
      </c>
      <c r="B16" s="4" t="s">
        <v>1272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  <c r="J16" s="12">
        <v>0</v>
      </c>
    </row>
    <row r="17" spans="1:10" x14ac:dyDescent="0.25">
      <c r="A17" s="2" t="s">
        <v>27</v>
      </c>
      <c r="B17" s="4" t="s">
        <v>1275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  <c r="J17" s="12">
        <v>0</v>
      </c>
    </row>
    <row r="18" spans="1:10" x14ac:dyDescent="0.25">
      <c r="A18" s="3" t="s">
        <v>29</v>
      </c>
      <c r="B18" s="5" t="s">
        <v>1276</v>
      </c>
      <c r="C18" s="11">
        <v>3772257.09</v>
      </c>
      <c r="D18" s="11">
        <v>3772257.09</v>
      </c>
      <c r="E18" s="11">
        <v>100</v>
      </c>
      <c r="F18" s="11">
        <v>3772257.09</v>
      </c>
      <c r="G18" s="11">
        <v>100</v>
      </c>
      <c r="H18" s="11">
        <v>3772257.09</v>
      </c>
      <c r="I18" s="11">
        <v>100</v>
      </c>
      <c r="J18" s="11">
        <v>0</v>
      </c>
    </row>
    <row r="19" spans="1:10" x14ac:dyDescent="0.25">
      <c r="A19" s="2" t="s">
        <v>31</v>
      </c>
      <c r="B19" s="4" t="s">
        <v>1272</v>
      </c>
      <c r="C19" s="12">
        <v>3772257.09</v>
      </c>
      <c r="D19" s="12">
        <v>3772257.09</v>
      </c>
      <c r="E19" s="12">
        <v>100</v>
      </c>
      <c r="F19" s="12">
        <v>3772257.09</v>
      </c>
      <c r="G19" s="12">
        <v>100</v>
      </c>
      <c r="H19" s="12">
        <v>3772257.09</v>
      </c>
      <c r="I19" s="12">
        <v>100</v>
      </c>
      <c r="J19" s="12">
        <v>0</v>
      </c>
    </row>
    <row r="20" spans="1:10" x14ac:dyDescent="0.25">
      <c r="A20" s="2" t="s">
        <v>33</v>
      </c>
      <c r="B20" s="4" t="s">
        <v>1275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  <c r="J20" s="12">
        <v>0</v>
      </c>
    </row>
    <row r="21" spans="1:10" x14ac:dyDescent="0.25">
      <c r="A21" s="3" t="s">
        <v>35</v>
      </c>
      <c r="B21" s="5" t="s">
        <v>1277</v>
      </c>
      <c r="C21" s="11">
        <v>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0</v>
      </c>
      <c r="J21" s="11">
        <v>0</v>
      </c>
    </row>
    <row r="22" spans="1:10" x14ac:dyDescent="0.25">
      <c r="A22" s="2" t="s">
        <v>37</v>
      </c>
      <c r="B22" s="4" t="s">
        <v>1272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  <c r="J22" s="12">
        <v>0</v>
      </c>
    </row>
    <row r="23" spans="1:10" x14ac:dyDescent="0.25">
      <c r="A23" s="2" t="s">
        <v>39</v>
      </c>
      <c r="B23" s="4" t="s">
        <v>1273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</row>
    <row r="24" spans="1:10" x14ac:dyDescent="0.25">
      <c r="A24" s="3" t="s">
        <v>41</v>
      </c>
      <c r="B24" s="5" t="s">
        <v>1278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  <c r="J24" s="11">
        <v>0</v>
      </c>
    </row>
    <row r="25" spans="1:10" x14ac:dyDescent="0.25">
      <c r="A25" s="2" t="s">
        <v>43</v>
      </c>
      <c r="B25" s="4" t="s">
        <v>1272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  <c r="H25" s="12">
        <v>0</v>
      </c>
      <c r="I25" s="12">
        <v>0</v>
      </c>
      <c r="J25" s="12">
        <v>0</v>
      </c>
    </row>
    <row r="26" spans="1:10" x14ac:dyDescent="0.25">
      <c r="A26" s="2" t="s">
        <v>45</v>
      </c>
      <c r="B26" s="4" t="s">
        <v>1273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  <c r="J26" s="12">
        <v>0</v>
      </c>
    </row>
    <row r="27" spans="1:10" x14ac:dyDescent="0.25">
      <c r="A27" s="3" t="s">
        <v>47</v>
      </c>
      <c r="B27" s="5" t="s">
        <v>1279</v>
      </c>
      <c r="C27" s="11">
        <v>0</v>
      </c>
      <c r="D27" s="11">
        <v>0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  <c r="J27" s="11">
        <v>0</v>
      </c>
    </row>
    <row r="28" spans="1:10" x14ac:dyDescent="0.25">
      <c r="A28" s="2" t="s">
        <v>49</v>
      </c>
      <c r="B28" s="4" t="s">
        <v>128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</row>
    <row r="29" spans="1:10" x14ac:dyDescent="0.25">
      <c r="A29" s="2" t="s">
        <v>51</v>
      </c>
      <c r="B29" s="4" t="s">
        <v>1273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</row>
    <row r="30" spans="1:10" x14ac:dyDescent="0.25">
      <c r="A30" s="3" t="s">
        <v>53</v>
      </c>
      <c r="B30" s="5" t="s">
        <v>1281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  <c r="J30" s="11">
        <v>0</v>
      </c>
    </row>
    <row r="31" spans="1:10" x14ac:dyDescent="0.25">
      <c r="A31" s="2" t="s">
        <v>55</v>
      </c>
      <c r="B31" s="4" t="s">
        <v>1272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</row>
    <row r="32" spans="1:10" x14ac:dyDescent="0.25">
      <c r="A32" s="2" t="s">
        <v>57</v>
      </c>
      <c r="B32" s="4" t="s">
        <v>1273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  <c r="J32" s="12">
        <v>0</v>
      </c>
    </row>
    <row r="33" spans="1:10" x14ac:dyDescent="0.25">
      <c r="A33" s="3" t="s">
        <v>59</v>
      </c>
      <c r="B33" s="5" t="s">
        <v>1282</v>
      </c>
      <c r="C33" s="11">
        <v>3772257.09</v>
      </c>
      <c r="D33" s="11">
        <v>3772257.09</v>
      </c>
      <c r="E33" s="11">
        <v>100</v>
      </c>
      <c r="F33" s="11">
        <v>3772257.09</v>
      </c>
      <c r="G33" s="11">
        <v>100</v>
      </c>
      <c r="H33" s="11">
        <v>3772257.09</v>
      </c>
      <c r="I33" s="11">
        <v>100</v>
      </c>
      <c r="J33" s="11">
        <v>0</v>
      </c>
    </row>
    <row r="35" spans="1:10" x14ac:dyDescent="0.25">
      <c r="A35" s="10" t="s">
        <v>6</v>
      </c>
      <c r="B35" s="10" t="s">
        <v>1283</v>
      </c>
      <c r="C35" s="10" t="s">
        <v>1174</v>
      </c>
      <c r="D35" s="10" t="s">
        <v>1175</v>
      </c>
      <c r="E35" s="10" t="s">
        <v>1176</v>
      </c>
    </row>
    <row r="36" spans="1:10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0" t="s">
        <v>7</v>
      </c>
    </row>
    <row r="37" spans="1:10" x14ac:dyDescent="0.25">
      <c r="A37" s="2" t="s">
        <v>61</v>
      </c>
      <c r="B37" s="4" t="s">
        <v>1284</v>
      </c>
      <c r="C37" s="12">
        <v>0</v>
      </c>
      <c r="D37" s="12">
        <v>0</v>
      </c>
      <c r="E37" s="12">
        <v>0</v>
      </c>
    </row>
    <row r="38" spans="1:10" x14ac:dyDescent="0.25">
      <c r="A38" s="2" t="s">
        <v>63</v>
      </c>
      <c r="B38" s="4" t="s">
        <v>1285</v>
      </c>
      <c r="C38" s="12">
        <v>0</v>
      </c>
      <c r="D38" s="12">
        <v>0</v>
      </c>
      <c r="E38" s="12">
        <v>0</v>
      </c>
    </row>
    <row r="39" spans="1:10" x14ac:dyDescent="0.25">
      <c r="A39" s="2" t="s">
        <v>65</v>
      </c>
      <c r="B39" s="4" t="s">
        <v>1286</v>
      </c>
      <c r="C39" s="12">
        <v>0</v>
      </c>
      <c r="D39" s="12">
        <v>0</v>
      </c>
      <c r="E39" s="12">
        <v>0</v>
      </c>
    </row>
    <row r="40" spans="1:10" x14ac:dyDescent="0.25">
      <c r="A40" s="2" t="s">
        <v>67</v>
      </c>
      <c r="B40" s="4" t="s">
        <v>1287</v>
      </c>
      <c r="C40" s="12">
        <v>0</v>
      </c>
      <c r="D40" s="12">
        <v>0</v>
      </c>
      <c r="E40" s="12">
        <v>0</v>
      </c>
    </row>
  </sheetData>
  <mergeCells count="18">
    <mergeCell ref="A35:A36"/>
    <mergeCell ref="B35:B36"/>
    <mergeCell ref="C35:C36"/>
    <mergeCell ref="D35:D36"/>
    <mergeCell ref="E35:E36"/>
    <mergeCell ref="A9:J9"/>
    <mergeCell ref="A10:A11"/>
    <mergeCell ref="B10:B11"/>
    <mergeCell ref="C10:C11"/>
    <mergeCell ref="D10:E10"/>
    <mergeCell ref="F10:G10"/>
    <mergeCell ref="H10:I10"/>
    <mergeCell ref="J10:J11"/>
    <mergeCell ref="A3:J3"/>
    <mergeCell ref="A4:J4"/>
    <mergeCell ref="A5:J5"/>
    <mergeCell ref="A6:J6"/>
    <mergeCell ref="A7:J7"/>
  </mergeCells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28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28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1290</v>
      </c>
      <c r="C10" s="10" t="s">
        <v>1291</v>
      </c>
      <c r="D10" s="10" t="s">
        <v>1292</v>
      </c>
      <c r="E10" s="10" t="s">
        <v>1292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69</v>
      </c>
      <c r="E11" s="1" t="s">
        <v>1293</v>
      </c>
    </row>
    <row r="12" spans="1:13" x14ac:dyDescent="0.25">
      <c r="A12" s="3" t="s">
        <v>17</v>
      </c>
      <c r="B12" s="5" t="s">
        <v>1294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9</v>
      </c>
      <c r="B13" s="4" t="s">
        <v>1295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1</v>
      </c>
      <c r="B14" s="5" t="s">
        <v>1296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3</v>
      </c>
      <c r="B15" s="4" t="s">
        <v>1297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5</v>
      </c>
      <c r="B16" s="4" t="s">
        <v>1298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7</v>
      </c>
      <c r="B17" s="4" t="s">
        <v>1299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29</v>
      </c>
      <c r="B18" s="5" t="s">
        <v>1300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1</v>
      </c>
      <c r="B19" s="4" t="s">
        <v>1301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3</v>
      </c>
      <c r="B20" s="4" t="s">
        <v>1302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5</v>
      </c>
      <c r="B21" s="4" t="s">
        <v>1303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7</v>
      </c>
      <c r="B22" s="4" t="s">
        <v>1304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1305</v>
      </c>
      <c r="C24" s="10" t="s">
        <v>1306</v>
      </c>
      <c r="D24" s="10" t="s">
        <v>1307</v>
      </c>
      <c r="E24" s="10" t="s">
        <v>1308</v>
      </c>
      <c r="F24" s="10" t="s">
        <v>1309</v>
      </c>
      <c r="G24" s="10" t="s">
        <v>1310</v>
      </c>
      <c r="H24" s="10" t="s">
        <v>1311</v>
      </c>
      <c r="I24" s="10" t="s">
        <v>1312</v>
      </c>
      <c r="J24" s="10" t="s">
        <v>1313</v>
      </c>
      <c r="K24" s="10" t="s">
        <v>1314</v>
      </c>
      <c r="L24" s="10" t="s">
        <v>1315</v>
      </c>
      <c r="M24" s="10" t="s">
        <v>1316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3" t="s">
        <v>39</v>
      </c>
      <c r="B26" s="5" t="s">
        <v>1317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1</v>
      </c>
      <c r="B27" s="4" t="s">
        <v>1318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3</v>
      </c>
      <c r="B28" s="4" t="s">
        <v>1319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3" t="s">
        <v>45</v>
      </c>
      <c r="B29" s="5" t="s">
        <v>1320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7</v>
      </c>
      <c r="B30" s="4" t="s">
        <v>1321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2" t="s">
        <v>49</v>
      </c>
      <c r="B31" s="4" t="s">
        <v>1322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</row>
    <row r="32" spans="1:13" x14ac:dyDescent="0.25">
      <c r="A32" s="3" t="s">
        <v>51</v>
      </c>
      <c r="B32" s="5" t="s">
        <v>1323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3</v>
      </c>
      <c r="B33" s="4" t="s">
        <v>1324</v>
      </c>
      <c r="C33" s="12">
        <v>14070824317.809999</v>
      </c>
      <c r="D33" s="12">
        <v>15816038193.469999</v>
      </c>
      <c r="E33" s="12">
        <v>0</v>
      </c>
      <c r="F33" s="12">
        <v>0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</row>
    <row r="34" spans="1:13" x14ac:dyDescent="0.25">
      <c r="A34" s="2" t="s">
        <v>55</v>
      </c>
      <c r="B34" s="4" t="s">
        <v>1325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</row>
    <row r="35" spans="1:13" x14ac:dyDescent="0.25">
      <c r="A35" s="2" t="s">
        <v>57</v>
      </c>
      <c r="B35" s="4" t="s">
        <v>1326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  <c r="J35" s="12">
        <v>0</v>
      </c>
      <c r="K35" s="12">
        <v>0</v>
      </c>
      <c r="L35" s="12">
        <v>0</v>
      </c>
      <c r="M35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tabSelected="1" topLeftCell="A89" workbookViewId="0">
      <selection activeCell="E103" sqref="E103"/>
    </sheetView>
  </sheetViews>
  <sheetFormatPr defaultRowHeight="15" x14ac:dyDescent="0.25"/>
  <cols>
    <col min="1" max="1" width="2.7109375" bestFit="1" customWidth="1"/>
    <col min="2" max="2" width="63.710937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327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328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2</v>
      </c>
      <c r="C10" s="10" t="s">
        <v>1293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8</v>
      </c>
      <c r="C12" s="12">
        <v>0</v>
      </c>
    </row>
    <row r="13" spans="1:6" x14ac:dyDescent="0.25">
      <c r="A13" s="2" t="s">
        <v>19</v>
      </c>
      <c r="B13" s="4" t="s">
        <v>1329</v>
      </c>
      <c r="C13" s="12">
        <v>16823704500</v>
      </c>
    </row>
    <row r="14" spans="1:6" x14ac:dyDescent="0.25">
      <c r="A14" s="2" t="s">
        <v>21</v>
      </c>
      <c r="B14" s="4" t="s">
        <v>1330</v>
      </c>
      <c r="C14" s="12">
        <v>19585943063</v>
      </c>
    </row>
    <row r="15" spans="1:6" x14ac:dyDescent="0.25">
      <c r="A15" s="2" t="s">
        <v>23</v>
      </c>
      <c r="B15" s="4" t="s">
        <v>1331</v>
      </c>
      <c r="C15" s="12">
        <v>19891505125.209999</v>
      </c>
    </row>
    <row r="16" spans="1:6" x14ac:dyDescent="0.25">
      <c r="A16" s="2" t="s">
        <v>25</v>
      </c>
      <c r="B16" s="4" t="s">
        <v>1332</v>
      </c>
      <c r="C16" s="12">
        <v>0</v>
      </c>
    </row>
    <row r="17" spans="1:3" x14ac:dyDescent="0.25">
      <c r="A17" s="2" t="s">
        <v>27</v>
      </c>
      <c r="B17" s="4" t="s">
        <v>1333</v>
      </c>
      <c r="C17" s="12">
        <v>2411830580.4299998</v>
      </c>
    </row>
    <row r="18" spans="1:3" x14ac:dyDescent="0.25">
      <c r="A18" s="2" t="s">
        <v>29</v>
      </c>
      <c r="B18" s="4" t="s">
        <v>165</v>
      </c>
      <c r="C18" s="12">
        <v>0</v>
      </c>
    </row>
    <row r="19" spans="1:3" x14ac:dyDescent="0.25">
      <c r="A19" s="2" t="s">
        <v>31</v>
      </c>
      <c r="B19" s="4" t="s">
        <v>1334</v>
      </c>
      <c r="C19" s="12">
        <v>16823704500</v>
      </c>
    </row>
    <row r="20" spans="1:3" x14ac:dyDescent="0.25">
      <c r="A20" s="2" t="s">
        <v>33</v>
      </c>
      <c r="B20" s="4" t="s">
        <v>1335</v>
      </c>
      <c r="C20" s="12">
        <v>21997773643.43</v>
      </c>
    </row>
    <row r="21" spans="1:3" x14ac:dyDescent="0.25">
      <c r="A21" s="2" t="s">
        <v>35</v>
      </c>
      <c r="B21" s="4" t="s">
        <v>1336</v>
      </c>
      <c r="C21" s="12">
        <v>18602311882.5</v>
      </c>
    </row>
    <row r="22" spans="1:3" x14ac:dyDescent="0.25">
      <c r="A22" s="2" t="s">
        <v>37</v>
      </c>
      <c r="B22" s="4" t="s">
        <v>1337</v>
      </c>
      <c r="C22" s="12">
        <v>17653569119.009998</v>
      </c>
    </row>
    <row r="23" spans="1:3" x14ac:dyDescent="0.25">
      <c r="A23" s="2" t="s">
        <v>39</v>
      </c>
      <c r="B23" s="4" t="s">
        <v>1338</v>
      </c>
      <c r="C23" s="12">
        <v>17546392857.240002</v>
      </c>
    </row>
    <row r="24" spans="1:3" x14ac:dyDescent="0.25">
      <c r="A24" s="2" t="s">
        <v>41</v>
      </c>
      <c r="B24" s="4" t="s">
        <v>1339</v>
      </c>
      <c r="C24" s="12">
        <v>1289193242.71</v>
      </c>
    </row>
    <row r="26" spans="1:3" x14ac:dyDescent="0.25">
      <c r="A26" s="10" t="s">
        <v>6</v>
      </c>
      <c r="B26" s="10" t="s">
        <v>1340</v>
      </c>
      <c r="C26" s="10" t="s">
        <v>1293</v>
      </c>
    </row>
    <row r="27" spans="1:3" x14ac:dyDescent="0.25">
      <c r="A27" s="10" t="s">
        <v>7</v>
      </c>
      <c r="B27" s="10" t="s">
        <v>7</v>
      </c>
      <c r="C27" s="10" t="s">
        <v>7</v>
      </c>
    </row>
    <row r="28" spans="1:3" x14ac:dyDescent="0.25">
      <c r="A28" s="2" t="s">
        <v>43</v>
      </c>
      <c r="B28" s="4" t="s">
        <v>168</v>
      </c>
      <c r="C28" s="12">
        <v>18602311882.5</v>
      </c>
    </row>
    <row r="29" spans="1:3" x14ac:dyDescent="0.25">
      <c r="A29" s="2" t="s">
        <v>45</v>
      </c>
      <c r="B29" s="4" t="s">
        <v>172</v>
      </c>
      <c r="C29" s="12">
        <v>17653569119.009998</v>
      </c>
    </row>
    <row r="31" spans="1:3" x14ac:dyDescent="0.25">
      <c r="A31" s="10" t="s">
        <v>6</v>
      </c>
      <c r="B31" s="10" t="s">
        <v>1341</v>
      </c>
      <c r="C31" s="10" t="s">
        <v>1293</v>
      </c>
    </row>
    <row r="32" spans="1:3" x14ac:dyDescent="0.25">
      <c r="A32" s="10" t="s">
        <v>7</v>
      </c>
      <c r="B32" s="10" t="s">
        <v>7</v>
      </c>
      <c r="C32" s="10" t="s">
        <v>7</v>
      </c>
    </row>
    <row r="33" spans="1:3" x14ac:dyDescent="0.25">
      <c r="A33" s="2" t="s">
        <v>47</v>
      </c>
      <c r="B33" s="4" t="s">
        <v>1342</v>
      </c>
      <c r="C33" s="12">
        <v>15816038193.469999</v>
      </c>
    </row>
    <row r="34" spans="1:3" x14ac:dyDescent="0.25">
      <c r="A34" s="2" t="s">
        <v>49</v>
      </c>
      <c r="B34" s="4" t="s">
        <v>1343</v>
      </c>
      <c r="C34" s="12">
        <v>15809113944.469999</v>
      </c>
    </row>
    <row r="35" spans="1:3" x14ac:dyDescent="0.25">
      <c r="A35" s="2" t="s">
        <v>51</v>
      </c>
      <c r="B35" s="4" t="s">
        <v>1344</v>
      </c>
      <c r="C35" s="12">
        <v>15797113944.469999</v>
      </c>
    </row>
    <row r="37" spans="1:3" x14ac:dyDescent="0.25">
      <c r="A37" s="10" t="s">
        <v>6</v>
      </c>
      <c r="B37" s="10" t="s">
        <v>1345</v>
      </c>
      <c r="C37" s="10" t="s">
        <v>1293</v>
      </c>
    </row>
    <row r="38" spans="1:3" x14ac:dyDescent="0.25">
      <c r="A38" s="10" t="s">
        <v>7</v>
      </c>
      <c r="B38" s="10" t="s">
        <v>7</v>
      </c>
      <c r="C38" s="10" t="s">
        <v>7</v>
      </c>
    </row>
    <row r="39" spans="1:3" x14ac:dyDescent="0.25">
      <c r="A39" s="2" t="s">
        <v>53</v>
      </c>
      <c r="B39" s="4" t="s">
        <v>1346</v>
      </c>
      <c r="C39" s="12">
        <v>0</v>
      </c>
    </row>
    <row r="40" spans="1:3" x14ac:dyDescent="0.25">
      <c r="A40" s="2" t="s">
        <v>55</v>
      </c>
      <c r="B40" s="4" t="s">
        <v>1347</v>
      </c>
      <c r="C40" s="12">
        <v>3104639262.8200002</v>
      </c>
    </row>
    <row r="41" spans="1:3" x14ac:dyDescent="0.25">
      <c r="A41" s="2" t="s">
        <v>57</v>
      </c>
      <c r="B41" s="4" t="s">
        <v>1348</v>
      </c>
      <c r="C41" s="12">
        <v>3167635403.1900001</v>
      </c>
    </row>
    <row r="42" spans="1:3" x14ac:dyDescent="0.25">
      <c r="A42" s="2" t="s">
        <v>59</v>
      </c>
      <c r="B42" s="4" t="s">
        <v>1349</v>
      </c>
      <c r="C42" s="12">
        <v>3167635403.1900001</v>
      </c>
    </row>
    <row r="43" spans="1:3" x14ac:dyDescent="0.25">
      <c r="A43" s="2" t="s">
        <v>61</v>
      </c>
      <c r="B43" s="4" t="s">
        <v>1350</v>
      </c>
      <c r="C43" s="12">
        <v>-62996140.369999997</v>
      </c>
    </row>
    <row r="44" spans="1:3" x14ac:dyDescent="0.25">
      <c r="A44" s="2" t="s">
        <v>63</v>
      </c>
      <c r="B44" s="4" t="s">
        <v>1351</v>
      </c>
      <c r="C44" s="12">
        <v>0</v>
      </c>
    </row>
    <row r="45" spans="1:3" x14ac:dyDescent="0.25">
      <c r="A45" s="2" t="s">
        <v>65</v>
      </c>
      <c r="B45" s="4" t="s">
        <v>1347</v>
      </c>
      <c r="C45" s="12">
        <v>0</v>
      </c>
    </row>
    <row r="46" spans="1:3" x14ac:dyDescent="0.25">
      <c r="A46" s="2" t="s">
        <v>67</v>
      </c>
      <c r="B46" s="4" t="s">
        <v>1348</v>
      </c>
      <c r="C46" s="12">
        <v>0</v>
      </c>
    </row>
    <row r="47" spans="1:3" x14ac:dyDescent="0.25">
      <c r="A47" s="2" t="s">
        <v>69</v>
      </c>
      <c r="B47" s="4" t="s">
        <v>1349</v>
      </c>
      <c r="C47" s="12">
        <v>0</v>
      </c>
    </row>
    <row r="48" spans="1:3" x14ac:dyDescent="0.25">
      <c r="A48" s="2" t="s">
        <v>71</v>
      </c>
      <c r="B48" s="4" t="s">
        <v>1350</v>
      </c>
      <c r="C48" s="12">
        <v>0</v>
      </c>
    </row>
    <row r="50" spans="1:6" x14ac:dyDescent="0.25">
      <c r="A50" s="10" t="s">
        <v>6</v>
      </c>
      <c r="B50" s="10" t="s">
        <v>1352</v>
      </c>
      <c r="C50" s="10" t="s">
        <v>1353</v>
      </c>
      <c r="D50" s="10" t="s">
        <v>1354</v>
      </c>
      <c r="E50" s="10" t="s">
        <v>1355</v>
      </c>
    </row>
    <row r="51" spans="1:6" x14ac:dyDescent="0.25">
      <c r="A51" s="10" t="s">
        <v>7</v>
      </c>
      <c r="B51" s="10" t="s">
        <v>7</v>
      </c>
      <c r="C51" s="10" t="s">
        <v>7</v>
      </c>
      <c r="D51" s="10" t="s">
        <v>7</v>
      </c>
      <c r="E51" s="10" t="s">
        <v>7</v>
      </c>
    </row>
    <row r="52" spans="1:6" x14ac:dyDescent="0.25">
      <c r="A52" s="2" t="s">
        <v>73</v>
      </c>
      <c r="B52" s="4" t="s">
        <v>1356</v>
      </c>
      <c r="C52" s="12">
        <v>958127800</v>
      </c>
      <c r="D52" s="12">
        <v>2210117035.6999998</v>
      </c>
      <c r="E52" s="12">
        <v>230.67</v>
      </c>
    </row>
    <row r="53" spans="1:6" x14ac:dyDescent="0.25">
      <c r="A53" s="2" t="s">
        <v>75</v>
      </c>
      <c r="B53" s="4" t="s">
        <v>1357</v>
      </c>
      <c r="C53" s="12">
        <v>427339100</v>
      </c>
      <c r="D53" s="12">
        <v>2115911766.21</v>
      </c>
      <c r="E53" s="12">
        <v>495.14</v>
      </c>
    </row>
    <row r="55" spans="1:6" x14ac:dyDescent="0.25">
      <c r="A55" s="10" t="s">
        <v>6</v>
      </c>
      <c r="B55" s="10" t="s">
        <v>1358</v>
      </c>
      <c r="C55" s="10" t="s">
        <v>1359</v>
      </c>
      <c r="D55" s="10" t="s">
        <v>1360</v>
      </c>
      <c r="E55" s="10" t="s">
        <v>1361</v>
      </c>
      <c r="F55" s="10" t="s">
        <v>1362</v>
      </c>
    </row>
    <row r="56" spans="1:6" x14ac:dyDescent="0.25">
      <c r="A56" s="10" t="s">
        <v>7</v>
      </c>
      <c r="B56" s="10" t="s">
        <v>7</v>
      </c>
      <c r="C56" s="10" t="s">
        <v>7</v>
      </c>
      <c r="D56" s="10" t="s">
        <v>7</v>
      </c>
      <c r="E56" s="10" t="s">
        <v>7</v>
      </c>
      <c r="F56" s="10" t="s">
        <v>7</v>
      </c>
    </row>
    <row r="57" spans="1:6" x14ac:dyDescent="0.25">
      <c r="A57" s="3" t="s">
        <v>77</v>
      </c>
      <c r="B57" s="5" t="s">
        <v>1363</v>
      </c>
      <c r="C57" s="11">
        <v>398441925.79000002</v>
      </c>
      <c r="D57" s="11">
        <v>17012100.940000001</v>
      </c>
      <c r="E57" s="11">
        <v>322151644.22000003</v>
      </c>
      <c r="F57" s="11">
        <v>59278180.630000003</v>
      </c>
    </row>
    <row r="58" spans="1:6" x14ac:dyDescent="0.25">
      <c r="A58" s="2" t="s">
        <v>79</v>
      </c>
      <c r="B58" s="4" t="s">
        <v>1364</v>
      </c>
      <c r="C58" s="12">
        <v>302273866.56999999</v>
      </c>
      <c r="D58" s="12">
        <v>16892257.579999998</v>
      </c>
      <c r="E58" s="12">
        <v>226103483.34</v>
      </c>
      <c r="F58" s="12">
        <v>59278125.649999999</v>
      </c>
    </row>
    <row r="59" spans="1:6" x14ac:dyDescent="0.25">
      <c r="A59" s="2" t="s">
        <v>81</v>
      </c>
      <c r="B59" s="4" t="s">
        <v>1365</v>
      </c>
      <c r="C59" s="12">
        <v>14746964.82</v>
      </c>
      <c r="D59" s="12">
        <v>7722.51</v>
      </c>
      <c r="E59" s="12">
        <v>14739242.310000001</v>
      </c>
      <c r="F59" s="12">
        <v>0</v>
      </c>
    </row>
    <row r="60" spans="1:6" x14ac:dyDescent="0.25">
      <c r="A60" s="2" t="s">
        <v>83</v>
      </c>
      <c r="B60" s="4" t="s">
        <v>1366</v>
      </c>
      <c r="C60" s="12">
        <v>60108270.340000004</v>
      </c>
      <c r="D60" s="12">
        <v>112120.85</v>
      </c>
      <c r="E60" s="12">
        <v>59996094.509999998</v>
      </c>
      <c r="F60" s="12">
        <v>54.98</v>
      </c>
    </row>
    <row r="61" spans="1:6" x14ac:dyDescent="0.25">
      <c r="A61" s="2" t="s">
        <v>85</v>
      </c>
      <c r="B61" s="4" t="s">
        <v>1367</v>
      </c>
      <c r="C61" s="12">
        <v>18638673.329999998</v>
      </c>
      <c r="D61" s="12">
        <v>0</v>
      </c>
      <c r="E61" s="12">
        <v>18638673.329999998</v>
      </c>
      <c r="F61" s="12">
        <v>0</v>
      </c>
    </row>
    <row r="62" spans="1:6" x14ac:dyDescent="0.25">
      <c r="A62" s="2" t="s">
        <v>87</v>
      </c>
      <c r="B62" s="4" t="s">
        <v>1368</v>
      </c>
      <c r="C62" s="12">
        <v>2674150.73</v>
      </c>
      <c r="D62" s="12">
        <v>0</v>
      </c>
      <c r="E62" s="12">
        <v>2674150.73</v>
      </c>
      <c r="F62" s="12">
        <v>0</v>
      </c>
    </row>
    <row r="63" spans="1:6" x14ac:dyDescent="0.25">
      <c r="A63" s="3" t="s">
        <v>89</v>
      </c>
      <c r="B63" s="5" t="s">
        <v>1369</v>
      </c>
      <c r="C63" s="11">
        <v>345665396.98000002</v>
      </c>
      <c r="D63" s="11">
        <v>81080263.290000007</v>
      </c>
      <c r="E63" s="11">
        <v>201994996.00999999</v>
      </c>
      <c r="F63" s="11">
        <v>62590137.68</v>
      </c>
    </row>
    <row r="64" spans="1:6" x14ac:dyDescent="0.25">
      <c r="A64" s="2" t="s">
        <v>91</v>
      </c>
      <c r="B64" s="4" t="s">
        <v>1364</v>
      </c>
      <c r="C64" s="12">
        <v>283773431.10000002</v>
      </c>
      <c r="D64" s="12">
        <v>56536767.490000002</v>
      </c>
      <c r="E64" s="12">
        <v>165461743.66</v>
      </c>
      <c r="F64" s="12">
        <v>61774919.950000003</v>
      </c>
    </row>
    <row r="65" spans="1:6" x14ac:dyDescent="0.25">
      <c r="A65" s="2" t="s">
        <v>93</v>
      </c>
      <c r="B65" s="4" t="s">
        <v>1365</v>
      </c>
      <c r="C65" s="12">
        <v>15185210.460000001</v>
      </c>
      <c r="D65" s="12">
        <v>3703642.5</v>
      </c>
      <c r="E65" s="12">
        <v>10666350.23</v>
      </c>
      <c r="F65" s="12">
        <v>815217.73</v>
      </c>
    </row>
    <row r="66" spans="1:6" x14ac:dyDescent="0.25">
      <c r="A66" s="2" t="s">
        <v>95</v>
      </c>
      <c r="B66" s="4" t="s">
        <v>1366</v>
      </c>
      <c r="C66" s="12">
        <v>21872459.469999999</v>
      </c>
      <c r="D66" s="12">
        <v>9946789.1099999994</v>
      </c>
      <c r="E66" s="12">
        <v>11925670.359999999</v>
      </c>
      <c r="F66" s="12">
        <v>0</v>
      </c>
    </row>
    <row r="67" spans="1:6" x14ac:dyDescent="0.25">
      <c r="A67" s="2" t="s">
        <v>97</v>
      </c>
      <c r="B67" s="4" t="s">
        <v>1367</v>
      </c>
      <c r="C67" s="12">
        <v>21431846.760000002</v>
      </c>
      <c r="D67" s="12">
        <v>10090710.59</v>
      </c>
      <c r="E67" s="12">
        <v>11341136.17</v>
      </c>
      <c r="F67" s="12">
        <v>0</v>
      </c>
    </row>
    <row r="68" spans="1:6" x14ac:dyDescent="0.25">
      <c r="A68" s="2" t="s">
        <v>99</v>
      </c>
      <c r="B68" s="4" t="s">
        <v>1368</v>
      </c>
      <c r="C68" s="12">
        <v>3402449.19</v>
      </c>
      <c r="D68" s="12">
        <v>802353.6</v>
      </c>
      <c r="E68" s="12">
        <v>2600095.59</v>
      </c>
      <c r="F68" s="12">
        <v>0</v>
      </c>
    </row>
    <row r="69" spans="1:6" x14ac:dyDescent="0.25">
      <c r="A69" s="3" t="s">
        <v>101</v>
      </c>
      <c r="B69" s="5" t="s">
        <v>1370</v>
      </c>
      <c r="C69" s="11">
        <v>744107322.76999998</v>
      </c>
      <c r="D69" s="11">
        <v>98092364.230000004</v>
      </c>
      <c r="E69" s="11">
        <v>524146640.23000002</v>
      </c>
      <c r="F69" s="11">
        <v>121868318.31</v>
      </c>
    </row>
    <row r="71" spans="1:6" x14ac:dyDescent="0.25">
      <c r="A71" s="10" t="s">
        <v>6</v>
      </c>
      <c r="B71" s="10" t="s">
        <v>1371</v>
      </c>
      <c r="C71" s="10" t="s">
        <v>1372</v>
      </c>
      <c r="D71" s="10" t="s">
        <v>1373</v>
      </c>
      <c r="E71" s="10" t="s">
        <v>1373</v>
      </c>
    </row>
    <row r="72" spans="1:6" ht="21" x14ac:dyDescent="0.25">
      <c r="A72" s="10" t="s">
        <v>7</v>
      </c>
      <c r="B72" s="10" t="s">
        <v>7</v>
      </c>
      <c r="C72" s="10" t="s">
        <v>7</v>
      </c>
      <c r="D72" s="1" t="s">
        <v>1374</v>
      </c>
      <c r="E72" s="1" t="s">
        <v>1375</v>
      </c>
    </row>
    <row r="73" spans="1:6" x14ac:dyDescent="0.25">
      <c r="A73" s="2" t="s">
        <v>103</v>
      </c>
      <c r="B73" s="4" t="s">
        <v>1376</v>
      </c>
      <c r="C73" s="12">
        <v>3894949967.8699999</v>
      </c>
      <c r="D73" s="12">
        <v>25</v>
      </c>
      <c r="E73" s="12">
        <v>29.27</v>
      </c>
    </row>
    <row r="74" spans="1:6" x14ac:dyDescent="0.25">
      <c r="A74" s="2" t="s">
        <v>105</v>
      </c>
      <c r="B74" s="4" t="s">
        <v>1377</v>
      </c>
      <c r="C74" s="12">
        <v>1314205594.8399999</v>
      </c>
      <c r="D74" s="12">
        <v>70</v>
      </c>
      <c r="E74" s="12">
        <v>94.31</v>
      </c>
    </row>
    <row r="75" spans="1:6" x14ac:dyDescent="0.25">
      <c r="A75" s="2" t="s">
        <v>107</v>
      </c>
      <c r="B75" s="4" t="s">
        <v>1378</v>
      </c>
      <c r="C75" s="12">
        <v>0</v>
      </c>
      <c r="D75" s="12">
        <v>50</v>
      </c>
      <c r="E75" s="12">
        <v>0</v>
      </c>
    </row>
    <row r="76" spans="1:6" x14ac:dyDescent="0.25">
      <c r="A76" s="2" t="s">
        <v>109</v>
      </c>
      <c r="B76" s="4" t="s">
        <v>1379</v>
      </c>
      <c r="C76" s="12">
        <v>0</v>
      </c>
      <c r="D76" s="12">
        <v>15</v>
      </c>
      <c r="E76" s="12">
        <v>0</v>
      </c>
    </row>
    <row r="78" spans="1:6" x14ac:dyDescent="0.25">
      <c r="A78" s="10" t="s">
        <v>6</v>
      </c>
      <c r="B78" s="10" t="s">
        <v>1380</v>
      </c>
      <c r="C78" s="10" t="s">
        <v>1381</v>
      </c>
      <c r="D78" s="10" t="s">
        <v>1382</v>
      </c>
    </row>
    <row r="79" spans="1:6" x14ac:dyDescent="0.25">
      <c r="A79" s="10" t="s">
        <v>7</v>
      </c>
      <c r="B79" s="10" t="s">
        <v>7</v>
      </c>
      <c r="C79" s="10" t="s">
        <v>7</v>
      </c>
      <c r="D79" s="10" t="s">
        <v>7</v>
      </c>
    </row>
    <row r="80" spans="1:6" x14ac:dyDescent="0.25">
      <c r="A80" s="2" t="s">
        <v>111</v>
      </c>
      <c r="B80" s="4" t="s">
        <v>1383</v>
      </c>
      <c r="C80" s="12">
        <v>89394959.689999998</v>
      </c>
      <c r="D80" s="12">
        <v>64454340.310000002</v>
      </c>
    </row>
    <row r="81" spans="1:6" x14ac:dyDescent="0.25">
      <c r="A81" s="2" t="s">
        <v>113</v>
      </c>
      <c r="B81" s="4" t="s">
        <v>1384</v>
      </c>
      <c r="C81" s="12">
        <v>2467667334.6900001</v>
      </c>
      <c r="D81" s="12">
        <v>1752075429.52</v>
      </c>
    </row>
    <row r="83" spans="1:6" x14ac:dyDescent="0.25">
      <c r="A83" s="10" t="s">
        <v>6</v>
      </c>
      <c r="B83" s="10" t="s">
        <v>1385</v>
      </c>
      <c r="C83" s="10" t="s">
        <v>1386</v>
      </c>
      <c r="D83" s="10" t="s">
        <v>1387</v>
      </c>
      <c r="E83" s="10" t="s">
        <v>1388</v>
      </c>
      <c r="F83" s="10" t="s">
        <v>1389</v>
      </c>
    </row>
    <row r="84" spans="1:6" x14ac:dyDescent="0.25">
      <c r="A84" s="10" t="s">
        <v>7</v>
      </c>
      <c r="B84" s="10" t="s">
        <v>7</v>
      </c>
      <c r="C84" s="10" t="s">
        <v>7</v>
      </c>
      <c r="D84" s="10" t="s">
        <v>7</v>
      </c>
      <c r="E84" s="10" t="s">
        <v>7</v>
      </c>
      <c r="F84" s="10" t="s">
        <v>7</v>
      </c>
    </row>
    <row r="85" spans="1:6" x14ac:dyDescent="0.25">
      <c r="A85" s="2" t="s">
        <v>115</v>
      </c>
      <c r="B85" s="4" t="s">
        <v>1390</v>
      </c>
      <c r="C85" s="12">
        <v>0</v>
      </c>
      <c r="D85" s="12">
        <v>0</v>
      </c>
      <c r="E85" s="12">
        <v>0</v>
      </c>
      <c r="F85" s="12">
        <v>0</v>
      </c>
    </row>
    <row r="86" spans="1:6" x14ac:dyDescent="0.25">
      <c r="A86" s="2" t="s">
        <v>117</v>
      </c>
      <c r="B86" s="4" t="s">
        <v>1391</v>
      </c>
      <c r="C86" s="12">
        <v>2962963234.8800001</v>
      </c>
      <c r="D86" s="12">
        <v>3091677941.3499999</v>
      </c>
      <c r="E86" s="12">
        <v>2858793410.7399998</v>
      </c>
      <c r="F86" s="12">
        <v>2314334488.2600002</v>
      </c>
    </row>
    <row r="87" spans="1:6" x14ac:dyDescent="0.25">
      <c r="A87" s="2" t="s">
        <v>119</v>
      </c>
      <c r="B87" s="4" t="s">
        <v>1392</v>
      </c>
      <c r="C87" s="12">
        <v>3090560943.7600002</v>
      </c>
      <c r="D87" s="12">
        <v>3345756778.6999998</v>
      </c>
      <c r="E87" s="12">
        <v>2941468806.0500002</v>
      </c>
      <c r="F87" s="12">
        <v>2039426446.1700001</v>
      </c>
    </row>
    <row r="88" spans="1:6" x14ac:dyDescent="0.25">
      <c r="A88" s="2" t="s">
        <v>120</v>
      </c>
      <c r="B88" s="4" t="s">
        <v>1350</v>
      </c>
      <c r="C88" s="12">
        <v>-127597708.88</v>
      </c>
      <c r="D88" s="12">
        <v>-254078837.34999999</v>
      </c>
      <c r="E88" s="12">
        <v>-82675395.310000002</v>
      </c>
      <c r="F88" s="12">
        <v>274908042.10000002</v>
      </c>
    </row>
    <row r="89" spans="1:6" x14ac:dyDescent="0.25">
      <c r="A89" s="2" t="s">
        <v>121</v>
      </c>
      <c r="B89" s="4" t="s">
        <v>1393</v>
      </c>
      <c r="C89" s="12">
        <v>0</v>
      </c>
      <c r="D89" s="12">
        <v>0</v>
      </c>
      <c r="E89" s="12">
        <v>0</v>
      </c>
      <c r="F89" s="12">
        <v>0</v>
      </c>
    </row>
    <row r="90" spans="1:6" x14ac:dyDescent="0.25">
      <c r="A90" s="2" t="s">
        <v>122</v>
      </c>
      <c r="B90" s="4" t="s">
        <v>1391</v>
      </c>
      <c r="C90" s="12">
        <v>0</v>
      </c>
      <c r="D90" s="12">
        <v>0</v>
      </c>
      <c r="E90" s="12">
        <v>0</v>
      </c>
      <c r="F90" s="12">
        <v>0</v>
      </c>
    </row>
    <row r="91" spans="1:6" x14ac:dyDescent="0.25">
      <c r="A91" s="2" t="s">
        <v>123</v>
      </c>
      <c r="B91" s="4" t="s">
        <v>1392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4</v>
      </c>
      <c r="B92" s="4" t="s">
        <v>1350</v>
      </c>
      <c r="C92" s="12">
        <v>0</v>
      </c>
      <c r="D92" s="12">
        <v>0</v>
      </c>
      <c r="E92" s="12">
        <v>0</v>
      </c>
      <c r="F92" s="12">
        <v>0</v>
      </c>
    </row>
    <row r="94" spans="1:6" x14ac:dyDescent="0.25">
      <c r="A94" s="10" t="s">
        <v>6</v>
      </c>
      <c r="B94" s="10" t="s">
        <v>1394</v>
      </c>
      <c r="C94" s="10" t="s">
        <v>1381</v>
      </c>
      <c r="D94" s="10" t="s">
        <v>1395</v>
      </c>
    </row>
    <row r="95" spans="1:6" x14ac:dyDescent="0.25">
      <c r="A95" s="10" t="s">
        <v>7</v>
      </c>
      <c r="B95" s="10" t="s">
        <v>7</v>
      </c>
      <c r="C95" s="10" t="s">
        <v>7</v>
      </c>
      <c r="D95" s="10" t="s">
        <v>7</v>
      </c>
    </row>
    <row r="96" spans="1:6" x14ac:dyDescent="0.25">
      <c r="A96" s="2" t="s">
        <v>125</v>
      </c>
      <c r="B96" s="4" t="s">
        <v>1396</v>
      </c>
      <c r="C96" s="12">
        <v>8771777.4100000001</v>
      </c>
      <c r="D96" s="12">
        <v>-3371777.41</v>
      </c>
    </row>
    <row r="97" spans="1:5" x14ac:dyDescent="0.25">
      <c r="A97" s="2" t="s">
        <v>126</v>
      </c>
      <c r="B97" s="4" t="s">
        <v>1397</v>
      </c>
      <c r="C97" s="12">
        <v>0</v>
      </c>
      <c r="D97" s="12">
        <v>5395200</v>
      </c>
    </row>
    <row r="99" spans="1:5" x14ac:dyDescent="0.25">
      <c r="A99" s="10" t="s">
        <v>6</v>
      </c>
      <c r="B99" s="10" t="s">
        <v>1398</v>
      </c>
      <c r="C99" s="10" t="s">
        <v>1372</v>
      </c>
      <c r="D99" s="10" t="s">
        <v>1399</v>
      </c>
      <c r="E99" s="10" t="s">
        <v>1399</v>
      </c>
    </row>
    <row r="100" spans="1:5" ht="21" x14ac:dyDescent="0.25">
      <c r="A100" s="10" t="s">
        <v>7</v>
      </c>
      <c r="B100" s="10" t="s">
        <v>7</v>
      </c>
      <c r="C100" s="10" t="s">
        <v>7</v>
      </c>
      <c r="D100" s="1" t="s">
        <v>1374</v>
      </c>
      <c r="E100" s="1" t="s">
        <v>1375</v>
      </c>
    </row>
    <row r="101" spans="1:5" x14ac:dyDescent="0.25">
      <c r="A101" s="2" t="s">
        <v>127</v>
      </c>
      <c r="B101" s="4" t="s">
        <v>1400</v>
      </c>
      <c r="C101" s="12">
        <v>1904638296.23</v>
      </c>
      <c r="D101" s="12">
        <v>12</v>
      </c>
      <c r="E101" s="12">
        <v>14.31</v>
      </c>
    </row>
    <row r="103" spans="1:5" x14ac:dyDescent="0.25">
      <c r="A103" s="10" t="s">
        <v>6</v>
      </c>
      <c r="B103" s="10" t="s">
        <v>1401</v>
      </c>
      <c r="C103" s="10" t="s">
        <v>1402</v>
      </c>
    </row>
    <row r="104" spans="1:5" x14ac:dyDescent="0.25">
      <c r="A104" s="10" t="s">
        <v>7</v>
      </c>
      <c r="B104" s="10" t="s">
        <v>7</v>
      </c>
      <c r="C104" s="10" t="s">
        <v>7</v>
      </c>
    </row>
    <row r="105" spans="1:5" x14ac:dyDescent="0.25">
      <c r="A105" s="2" t="s">
        <v>129</v>
      </c>
      <c r="B105" s="4" t="s">
        <v>1403</v>
      </c>
      <c r="C105" s="12">
        <v>0</v>
      </c>
    </row>
  </sheetData>
  <mergeCells count="54">
    <mergeCell ref="A99:A100"/>
    <mergeCell ref="B99:B100"/>
    <mergeCell ref="C99:C100"/>
    <mergeCell ref="D99:E99"/>
    <mergeCell ref="A103:A104"/>
    <mergeCell ref="B103:B104"/>
    <mergeCell ref="C103:C104"/>
    <mergeCell ref="E83:E84"/>
    <mergeCell ref="F83:F84"/>
    <mergeCell ref="A94:A95"/>
    <mergeCell ref="B94:B95"/>
    <mergeCell ref="C94:C95"/>
    <mergeCell ref="D94:D95"/>
    <mergeCell ref="A78:A79"/>
    <mergeCell ref="B78:B79"/>
    <mergeCell ref="C78:C79"/>
    <mergeCell ref="D78:D79"/>
    <mergeCell ref="A83:A84"/>
    <mergeCell ref="B83:B84"/>
    <mergeCell ref="C83:C84"/>
    <mergeCell ref="D83:D84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50:A51"/>
    <mergeCell ref="B50:B51"/>
    <mergeCell ref="C50:C51"/>
    <mergeCell ref="D50:D51"/>
    <mergeCell ref="E50:E51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R28"/>
  <sheetViews>
    <sheetView showGridLines="0" workbookViewId="0"/>
  </sheetViews>
  <sheetFormatPr defaultRowHeight="15" x14ac:dyDescent="0.25"/>
  <cols>
    <col min="1" max="1" width="1.85546875" bestFit="1" customWidth="1"/>
    <col min="2" max="2" width="64" bestFit="1" customWidth="1"/>
    <col min="3" max="14" width="19.140625" bestFit="1" customWidth="1"/>
    <col min="15" max="15" width="20.28515625" bestFit="1" customWidth="1"/>
    <col min="16" max="16" width="17.28515625" bestFit="1" customWidth="1"/>
    <col min="17" max="17" width="16" bestFit="1" customWidth="1"/>
    <col min="18" max="18" width="20.140625" bestFit="1" customWidth="1"/>
  </cols>
  <sheetData>
    <row r="3" spans="1:18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</row>
    <row r="4" spans="1:18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</row>
    <row r="5" spans="1:18" x14ac:dyDescent="0.25">
      <c r="A5" s="8" t="s">
        <v>36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</row>
    <row r="6" spans="1:18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</row>
    <row r="7" spans="1:18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  <c r="Q7" s="7"/>
      <c r="R7" s="7"/>
    </row>
    <row r="9" spans="1:18" x14ac:dyDescent="0.25">
      <c r="A9" s="9" t="s">
        <v>36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  <c r="Q9" s="7"/>
      <c r="R9" s="7"/>
    </row>
    <row r="10" spans="1:18" x14ac:dyDescent="0.25">
      <c r="A10" s="10" t="s">
        <v>6</v>
      </c>
      <c r="B10" s="10" t="s">
        <v>230</v>
      </c>
      <c r="C10" s="10" t="s">
        <v>370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383</v>
      </c>
    </row>
    <row r="11" spans="1:18" x14ac:dyDescent="0.25">
      <c r="A11" s="10" t="s">
        <v>7</v>
      </c>
      <c r="B11" s="10" t="s">
        <v>7</v>
      </c>
      <c r="C11" s="1" t="s">
        <v>371</v>
      </c>
      <c r="D11" s="1" t="s">
        <v>372</v>
      </c>
      <c r="E11" s="1" t="s">
        <v>373</v>
      </c>
      <c r="F11" s="1" t="s">
        <v>374</v>
      </c>
      <c r="G11" s="1" t="s">
        <v>375</v>
      </c>
      <c r="H11" s="1" t="s">
        <v>376</v>
      </c>
      <c r="I11" s="1" t="s">
        <v>377</v>
      </c>
      <c r="J11" s="1" t="s">
        <v>378</v>
      </c>
      <c r="K11" s="1" t="s">
        <v>379</v>
      </c>
      <c r="L11" s="1" t="s">
        <v>380</v>
      </c>
      <c r="M11" s="1" t="s">
        <v>381</v>
      </c>
      <c r="N11" s="1" t="s">
        <v>382</v>
      </c>
      <c r="O11" s="10" t="s">
        <v>7</v>
      </c>
    </row>
    <row r="12" spans="1:18" x14ac:dyDescent="0.25">
      <c r="A12" s="3" t="s">
        <v>17</v>
      </c>
      <c r="B12" s="5" t="s">
        <v>384</v>
      </c>
      <c r="C12" s="11">
        <v>1604670598.5599999</v>
      </c>
      <c r="D12" s="11">
        <v>1403461127.24</v>
      </c>
      <c r="E12" s="11">
        <v>1456102113.3</v>
      </c>
      <c r="F12" s="11">
        <v>1527156116.6700001</v>
      </c>
      <c r="G12" s="11">
        <v>1487457576.5</v>
      </c>
      <c r="H12" s="11">
        <v>1581582186.2</v>
      </c>
      <c r="I12" s="11">
        <v>1629135355.9000001</v>
      </c>
      <c r="J12" s="11">
        <v>1690790099.6500001</v>
      </c>
      <c r="K12" s="11">
        <v>1618521021.1600001</v>
      </c>
      <c r="L12" s="11">
        <v>1620205675.54</v>
      </c>
      <c r="M12" s="11">
        <v>1727036997.8399999</v>
      </c>
      <c r="N12" s="11">
        <v>2176477752.3600001</v>
      </c>
      <c r="O12" s="11">
        <v>19522596620.919998</v>
      </c>
    </row>
    <row r="13" spans="1:18" x14ac:dyDescent="0.25">
      <c r="A13" s="2" t="s">
        <v>19</v>
      </c>
      <c r="B13" s="4" t="s">
        <v>385</v>
      </c>
      <c r="C13" s="12">
        <v>1418993072.54</v>
      </c>
      <c r="D13" s="12">
        <v>1269263077.47</v>
      </c>
      <c r="E13" s="12">
        <v>1320824416.8599999</v>
      </c>
      <c r="F13" s="12">
        <v>1373094023.0699999</v>
      </c>
      <c r="G13" s="12">
        <v>1342584256.3499999</v>
      </c>
      <c r="H13" s="12">
        <v>1393930917.5999999</v>
      </c>
      <c r="I13" s="12">
        <v>1419881729.9200001</v>
      </c>
      <c r="J13" s="12">
        <v>1524423494.1199999</v>
      </c>
      <c r="K13" s="12">
        <v>1452118108.73</v>
      </c>
      <c r="L13" s="12">
        <v>1450733216.71</v>
      </c>
      <c r="M13" s="12">
        <v>1543848721.77</v>
      </c>
      <c r="N13" s="12">
        <v>1799700967.54</v>
      </c>
      <c r="O13" s="12">
        <v>17309396002.68</v>
      </c>
    </row>
    <row r="14" spans="1:18" x14ac:dyDescent="0.25">
      <c r="A14" s="2" t="s">
        <v>21</v>
      </c>
      <c r="B14" s="4" t="s">
        <v>226</v>
      </c>
      <c r="C14" s="12">
        <v>185677526.02000001</v>
      </c>
      <c r="D14" s="12">
        <v>134198049.77</v>
      </c>
      <c r="E14" s="12">
        <v>135277696.44</v>
      </c>
      <c r="F14" s="12">
        <v>154062093.59999999</v>
      </c>
      <c r="G14" s="12">
        <v>144873320.15000001</v>
      </c>
      <c r="H14" s="12">
        <v>187651268.59999999</v>
      </c>
      <c r="I14" s="12">
        <v>209253625.97999999</v>
      </c>
      <c r="J14" s="12">
        <v>166366605.53</v>
      </c>
      <c r="K14" s="12">
        <v>166402912.43000001</v>
      </c>
      <c r="L14" s="12">
        <v>169472458.83000001</v>
      </c>
      <c r="M14" s="12">
        <v>183188276.06999999</v>
      </c>
      <c r="N14" s="12">
        <v>376776784.81999999</v>
      </c>
      <c r="O14" s="12">
        <v>2213200618.2399998</v>
      </c>
    </row>
    <row r="16" spans="1:18" x14ac:dyDescent="0.25">
      <c r="A16" s="10" t="s">
        <v>6</v>
      </c>
      <c r="B16" s="10" t="s">
        <v>386</v>
      </c>
      <c r="C16" s="10" t="s">
        <v>387</v>
      </c>
      <c r="D16" s="10" t="s">
        <v>7</v>
      </c>
      <c r="E16" s="10" t="s">
        <v>7</v>
      </c>
      <c r="F16" s="10" t="s">
        <v>7</v>
      </c>
      <c r="G16" s="10" t="s">
        <v>7</v>
      </c>
      <c r="H16" s="10" t="s">
        <v>7</v>
      </c>
      <c r="I16" s="10" t="s">
        <v>7</v>
      </c>
      <c r="J16" s="10" t="s">
        <v>7</v>
      </c>
      <c r="K16" s="10" t="s">
        <v>7</v>
      </c>
      <c r="L16" s="10" t="s">
        <v>7</v>
      </c>
      <c r="M16" s="10" t="s">
        <v>7</v>
      </c>
      <c r="N16" s="10" t="s">
        <v>7</v>
      </c>
      <c r="O16" s="10" t="s">
        <v>388</v>
      </c>
      <c r="P16" s="10" t="s">
        <v>389</v>
      </c>
      <c r="Q16" s="10" t="s">
        <v>7</v>
      </c>
      <c r="R16" s="10" t="s">
        <v>392</v>
      </c>
    </row>
    <row r="17" spans="1:18" ht="42" x14ac:dyDescent="0.25">
      <c r="A17" s="10" t="s">
        <v>7</v>
      </c>
      <c r="B17" s="10" t="s">
        <v>7</v>
      </c>
      <c r="C17" s="1" t="s">
        <v>371</v>
      </c>
      <c r="D17" s="1" t="s">
        <v>372</v>
      </c>
      <c r="E17" s="1" t="s">
        <v>373</v>
      </c>
      <c r="F17" s="1" t="s">
        <v>374</v>
      </c>
      <c r="G17" s="1" t="s">
        <v>375</v>
      </c>
      <c r="H17" s="1" t="s">
        <v>376</v>
      </c>
      <c r="I17" s="1" t="s">
        <v>377</v>
      </c>
      <c r="J17" s="1" t="s">
        <v>378</v>
      </c>
      <c r="K17" s="1" t="s">
        <v>379</v>
      </c>
      <c r="L17" s="1" t="s">
        <v>380</v>
      </c>
      <c r="M17" s="1" t="s">
        <v>381</v>
      </c>
      <c r="N17" s="1" t="s">
        <v>382</v>
      </c>
      <c r="O17" s="10" t="s">
        <v>7</v>
      </c>
      <c r="P17" s="1" t="s">
        <v>390</v>
      </c>
      <c r="Q17" s="1" t="s">
        <v>391</v>
      </c>
      <c r="R17" s="10" t="s">
        <v>7</v>
      </c>
    </row>
    <row r="18" spans="1:18" x14ac:dyDescent="0.25">
      <c r="A18" s="3" t="s">
        <v>23</v>
      </c>
      <c r="B18" s="5" t="s">
        <v>393</v>
      </c>
      <c r="C18" s="11">
        <v>1369523954.4400001</v>
      </c>
      <c r="D18" s="11">
        <v>1115938914.4400001</v>
      </c>
      <c r="E18" s="11">
        <v>1194120062.24</v>
      </c>
      <c r="F18" s="11">
        <v>1185979248.6199999</v>
      </c>
      <c r="G18" s="11">
        <v>1127695195.48</v>
      </c>
      <c r="H18" s="11">
        <v>1200361039.71</v>
      </c>
      <c r="I18" s="11">
        <v>1244918382.7</v>
      </c>
      <c r="J18" s="11">
        <v>1281483387.53</v>
      </c>
      <c r="K18" s="11">
        <v>1267381434.2</v>
      </c>
      <c r="L18" s="11">
        <v>1256153616.8599999</v>
      </c>
      <c r="M18" s="11">
        <v>1293199726.6099999</v>
      </c>
      <c r="N18" s="11">
        <v>2231228016.46</v>
      </c>
      <c r="O18" s="11">
        <v>15767982979.290001</v>
      </c>
      <c r="P18" s="11">
        <v>366661568.51999998</v>
      </c>
      <c r="Q18" s="11">
        <v>52796000.630000003</v>
      </c>
      <c r="R18" s="11">
        <v>16081848547.18</v>
      </c>
    </row>
    <row r="19" spans="1:18" x14ac:dyDescent="0.25">
      <c r="A19" s="2" t="s">
        <v>25</v>
      </c>
      <c r="B19" s="4" t="s">
        <v>394</v>
      </c>
      <c r="C19" s="12">
        <v>1203813528.8900001</v>
      </c>
      <c r="D19" s="12">
        <v>950311224.37</v>
      </c>
      <c r="E19" s="12">
        <v>1027738586.5599999</v>
      </c>
      <c r="F19" s="12">
        <v>1022444748.26</v>
      </c>
      <c r="G19" s="12">
        <v>959903910.76999998</v>
      </c>
      <c r="H19" s="12">
        <v>1031131680.6900001</v>
      </c>
      <c r="I19" s="12">
        <v>1079834734.79</v>
      </c>
      <c r="J19" s="12">
        <v>1116213252.79</v>
      </c>
      <c r="K19" s="12">
        <v>1101107845.6900001</v>
      </c>
      <c r="L19" s="12">
        <v>1087921916</v>
      </c>
      <c r="M19" s="12">
        <v>1115084746.3299999</v>
      </c>
      <c r="N19" s="12">
        <v>1922943784.77</v>
      </c>
      <c r="O19" s="12">
        <v>13618449959.91</v>
      </c>
      <c r="P19" s="12">
        <v>366661568.51999998</v>
      </c>
      <c r="Q19" s="12">
        <v>52796000.630000003</v>
      </c>
      <c r="R19" s="12">
        <v>13932315527.799999</v>
      </c>
    </row>
    <row r="20" spans="1:18" x14ac:dyDescent="0.25">
      <c r="A20" s="2" t="s">
        <v>27</v>
      </c>
      <c r="B20" s="4" t="s">
        <v>347</v>
      </c>
      <c r="C20" s="12">
        <v>165710425.55000001</v>
      </c>
      <c r="D20" s="12">
        <v>165627690.06999999</v>
      </c>
      <c r="E20" s="12">
        <v>166381475.68000001</v>
      </c>
      <c r="F20" s="12">
        <v>163534500.36000001</v>
      </c>
      <c r="G20" s="12">
        <v>167791284.71000001</v>
      </c>
      <c r="H20" s="12">
        <v>169229359.02000001</v>
      </c>
      <c r="I20" s="12">
        <v>165083647.91</v>
      </c>
      <c r="J20" s="12">
        <v>165270134.74000001</v>
      </c>
      <c r="K20" s="12">
        <v>166273588.50999999</v>
      </c>
      <c r="L20" s="12">
        <v>168231700.86000001</v>
      </c>
      <c r="M20" s="12">
        <v>178114980.28</v>
      </c>
      <c r="N20" s="12">
        <v>308284231.69</v>
      </c>
      <c r="O20" s="12">
        <v>2149533019.3800001</v>
      </c>
      <c r="P20" s="12">
        <v>0</v>
      </c>
      <c r="Q20" s="12">
        <v>0</v>
      </c>
      <c r="R20" s="12">
        <v>2149533019.3800001</v>
      </c>
    </row>
    <row r="22" spans="1:18" x14ac:dyDescent="0.25">
      <c r="A22" s="10" t="s">
        <v>6</v>
      </c>
      <c r="B22" s="10" t="s">
        <v>395</v>
      </c>
      <c r="C22" s="10" t="s">
        <v>396</v>
      </c>
    </row>
    <row r="23" spans="1:18" x14ac:dyDescent="0.25">
      <c r="A23" s="10" t="s">
        <v>7</v>
      </c>
      <c r="B23" s="10" t="s">
        <v>7</v>
      </c>
      <c r="C23" s="10" t="s">
        <v>7</v>
      </c>
    </row>
    <row r="24" spans="1:18" x14ac:dyDescent="0.25">
      <c r="A24" s="2" t="s">
        <v>29</v>
      </c>
      <c r="B24" s="4" t="s">
        <v>397</v>
      </c>
      <c r="C24" s="12">
        <v>82.38</v>
      </c>
    </row>
    <row r="26" spans="1:18" x14ac:dyDescent="0.25">
      <c r="A26" s="10" t="s">
        <v>6</v>
      </c>
      <c r="B26" s="10" t="s">
        <v>398</v>
      </c>
      <c r="C26" s="10" t="s">
        <v>399</v>
      </c>
      <c r="D26" s="10" t="s">
        <v>400</v>
      </c>
      <c r="E26" s="10" t="s">
        <v>401</v>
      </c>
      <c r="F26" s="10" t="s">
        <v>402</v>
      </c>
    </row>
    <row r="27" spans="1:18" x14ac:dyDescent="0.25">
      <c r="A27" s="10" t="s">
        <v>7</v>
      </c>
      <c r="B27" s="10" t="s">
        <v>7</v>
      </c>
      <c r="C27" s="10" t="s">
        <v>7</v>
      </c>
      <c r="D27" s="10" t="s">
        <v>7</v>
      </c>
      <c r="E27" s="10" t="s">
        <v>7</v>
      </c>
      <c r="F27" s="10" t="s">
        <v>7</v>
      </c>
    </row>
    <row r="28" spans="1:18" x14ac:dyDescent="0.25">
      <c r="A28" s="2" t="s">
        <v>31</v>
      </c>
      <c r="B28" s="4" t="s">
        <v>403</v>
      </c>
      <c r="C28" s="12">
        <v>95</v>
      </c>
      <c r="D28" s="12">
        <v>0</v>
      </c>
      <c r="E28" s="12">
        <v>0</v>
      </c>
      <c r="F28" s="12">
        <v>0</v>
      </c>
    </row>
  </sheetData>
  <mergeCells count="25">
    <mergeCell ref="R16:R17"/>
    <mergeCell ref="A22:A23"/>
    <mergeCell ref="B22:B23"/>
    <mergeCell ref="C22:C23"/>
    <mergeCell ref="A26:A27"/>
    <mergeCell ref="B26:B27"/>
    <mergeCell ref="C26:C27"/>
    <mergeCell ref="D26:D27"/>
    <mergeCell ref="E26:E27"/>
    <mergeCell ref="F26:F27"/>
    <mergeCell ref="A16:A17"/>
    <mergeCell ref="B16:B17"/>
    <mergeCell ref="C16:N16"/>
    <mergeCell ref="O16:O17"/>
    <mergeCell ref="P16:Q16"/>
    <mergeCell ref="A9:R9"/>
    <mergeCell ref="A10:A11"/>
    <mergeCell ref="B10:B11"/>
    <mergeCell ref="C10:N10"/>
    <mergeCell ref="O10:O11"/>
    <mergeCell ref="A3:R3"/>
    <mergeCell ref="A4:R4"/>
    <mergeCell ref="A5:R5"/>
    <mergeCell ref="A6:R6"/>
    <mergeCell ref="A7:R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210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  <col min="13" max="13" width="17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404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40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406</v>
      </c>
      <c r="C10" s="10" t="s">
        <v>407</v>
      </c>
      <c r="D10" s="10" t="s">
        <v>408</v>
      </c>
      <c r="E10" s="10" t="s">
        <v>168</v>
      </c>
      <c r="F10" s="10" t="s">
        <v>7</v>
      </c>
      <c r="G10" s="10" t="s">
        <v>7</v>
      </c>
      <c r="H10" s="10" t="s">
        <v>411</v>
      </c>
      <c r="I10" s="10" t="s">
        <v>172</v>
      </c>
      <c r="J10" s="10" t="s">
        <v>7</v>
      </c>
      <c r="K10" s="10" t="s">
        <v>7</v>
      </c>
      <c r="L10" s="10" t="s">
        <v>414</v>
      </c>
      <c r="M10" s="10" t="s">
        <v>415</v>
      </c>
    </row>
    <row r="11" spans="1:13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69</v>
      </c>
      <c r="F11" s="1" t="s">
        <v>409</v>
      </c>
      <c r="G11" s="1" t="s">
        <v>410</v>
      </c>
      <c r="H11" s="10" t="s">
        <v>7</v>
      </c>
      <c r="I11" s="1" t="s">
        <v>173</v>
      </c>
      <c r="J11" s="1" t="s">
        <v>412</v>
      </c>
      <c r="K11" s="1" t="s">
        <v>413</v>
      </c>
      <c r="L11" s="10" t="s">
        <v>7</v>
      </c>
      <c r="M11" s="10" t="s">
        <v>7</v>
      </c>
    </row>
    <row r="12" spans="1:13" x14ac:dyDescent="0.25">
      <c r="A12" s="3" t="s">
        <v>17</v>
      </c>
      <c r="B12" s="5" t="s">
        <v>416</v>
      </c>
      <c r="C12" s="11">
        <v>15050076900</v>
      </c>
      <c r="D12" s="11">
        <v>19749216368.639999</v>
      </c>
      <c r="E12" s="11">
        <v>2928790481.3499999</v>
      </c>
      <c r="F12" s="11">
        <v>16452778863.120001</v>
      </c>
      <c r="G12" s="11">
        <v>88.38</v>
      </c>
      <c r="H12" s="11">
        <v>3296437505.52</v>
      </c>
      <c r="I12" s="11">
        <v>3548409409.8400002</v>
      </c>
      <c r="J12" s="11">
        <v>15504036099.629999</v>
      </c>
      <c r="K12" s="11">
        <v>87.79</v>
      </c>
      <c r="L12" s="11">
        <v>4245180269.0100002</v>
      </c>
      <c r="M12" s="11">
        <v>948742763.49000001</v>
      </c>
    </row>
    <row r="13" spans="1:13" x14ac:dyDescent="0.25">
      <c r="A13" s="3" t="s">
        <v>19</v>
      </c>
      <c r="B13" s="5" t="s">
        <v>417</v>
      </c>
      <c r="C13" s="11">
        <v>514711000</v>
      </c>
      <c r="D13" s="11">
        <v>514711000</v>
      </c>
      <c r="E13" s="11">
        <v>35308759.079999998</v>
      </c>
      <c r="F13" s="11">
        <v>414704616.55000001</v>
      </c>
      <c r="G13" s="11">
        <v>2.23</v>
      </c>
      <c r="H13" s="11">
        <v>100006383.45</v>
      </c>
      <c r="I13" s="11">
        <v>83728150.319999993</v>
      </c>
      <c r="J13" s="11">
        <v>402697831.80000001</v>
      </c>
      <c r="K13" s="11">
        <v>2.2799999999999998</v>
      </c>
      <c r="L13" s="11">
        <v>112013168.2</v>
      </c>
      <c r="M13" s="11">
        <v>12006784.75</v>
      </c>
    </row>
    <row r="14" spans="1:13" x14ac:dyDescent="0.25">
      <c r="A14" s="2" t="s">
        <v>21</v>
      </c>
      <c r="B14" s="4" t="s">
        <v>418</v>
      </c>
      <c r="C14" s="12">
        <v>268052200</v>
      </c>
      <c r="D14" s="12">
        <v>268052200</v>
      </c>
      <c r="E14" s="12">
        <v>33651525.729999997</v>
      </c>
      <c r="F14" s="12">
        <v>215263096.96000001</v>
      </c>
      <c r="G14" s="12">
        <v>1.1599999999999999</v>
      </c>
      <c r="H14" s="12">
        <v>52789103.039999999</v>
      </c>
      <c r="I14" s="12">
        <v>44434530.539999999</v>
      </c>
      <c r="J14" s="12">
        <v>208936405.88</v>
      </c>
      <c r="K14" s="12">
        <v>1.18</v>
      </c>
      <c r="L14" s="12">
        <v>59115794.119999997</v>
      </c>
      <c r="M14" s="12">
        <v>6326691.0800000001</v>
      </c>
    </row>
    <row r="15" spans="1:13" x14ac:dyDescent="0.25">
      <c r="A15" s="2" t="s">
        <v>23</v>
      </c>
      <c r="B15" s="4" t="s">
        <v>419</v>
      </c>
      <c r="C15" s="12">
        <v>244958800</v>
      </c>
      <c r="D15" s="12">
        <v>244958800</v>
      </c>
      <c r="E15" s="12">
        <v>1746109.1</v>
      </c>
      <c r="F15" s="12">
        <v>197924505.38</v>
      </c>
      <c r="G15" s="12">
        <v>1.06</v>
      </c>
      <c r="H15" s="12">
        <v>47034294.619999997</v>
      </c>
      <c r="I15" s="12">
        <v>39038387.280000001</v>
      </c>
      <c r="J15" s="12">
        <v>192244411.71000001</v>
      </c>
      <c r="K15" s="12">
        <v>1.0900000000000001</v>
      </c>
      <c r="L15" s="12">
        <v>52714388.289999999</v>
      </c>
      <c r="M15" s="12">
        <v>5680093.6699999999</v>
      </c>
    </row>
    <row r="16" spans="1:13" x14ac:dyDescent="0.25">
      <c r="A16" s="2" t="s">
        <v>25</v>
      </c>
      <c r="B16" s="4" t="s">
        <v>420</v>
      </c>
      <c r="C16" s="12">
        <v>1700000</v>
      </c>
      <c r="D16" s="12">
        <v>1700000</v>
      </c>
      <c r="E16" s="12">
        <v>-88875.75</v>
      </c>
      <c r="F16" s="12">
        <v>1517014.21</v>
      </c>
      <c r="G16" s="12">
        <v>0.01</v>
      </c>
      <c r="H16" s="12">
        <v>182985.79</v>
      </c>
      <c r="I16" s="12">
        <v>255232.5</v>
      </c>
      <c r="J16" s="12">
        <v>1517014.21</v>
      </c>
      <c r="K16" s="12">
        <v>0.01</v>
      </c>
      <c r="L16" s="12">
        <v>182985.79</v>
      </c>
      <c r="M16" s="12">
        <v>0</v>
      </c>
    </row>
    <row r="17" spans="1:13" x14ac:dyDescent="0.25">
      <c r="A17" s="3" t="s">
        <v>27</v>
      </c>
      <c r="B17" s="5" t="s">
        <v>421</v>
      </c>
      <c r="C17" s="11">
        <v>988460000</v>
      </c>
      <c r="D17" s="11">
        <v>1012213200</v>
      </c>
      <c r="E17" s="11">
        <v>16552013.73</v>
      </c>
      <c r="F17" s="11">
        <v>949430924.36000001</v>
      </c>
      <c r="G17" s="11">
        <v>5.0999999999999996</v>
      </c>
      <c r="H17" s="11">
        <v>62782275.640000001</v>
      </c>
      <c r="I17" s="11">
        <v>201277806.58000001</v>
      </c>
      <c r="J17" s="11">
        <v>927268574.09000003</v>
      </c>
      <c r="K17" s="11">
        <v>5.23</v>
      </c>
      <c r="L17" s="11">
        <v>84944625.909999996</v>
      </c>
      <c r="M17" s="11">
        <v>22162350.27</v>
      </c>
    </row>
    <row r="18" spans="1:13" x14ac:dyDescent="0.25">
      <c r="A18" s="2" t="s">
        <v>29</v>
      </c>
      <c r="B18" s="4" t="s">
        <v>422</v>
      </c>
      <c r="C18" s="12">
        <v>146511600</v>
      </c>
      <c r="D18" s="12">
        <v>163973600</v>
      </c>
      <c r="E18" s="12">
        <v>20258944.07</v>
      </c>
      <c r="F18" s="12">
        <v>129025945.40000001</v>
      </c>
      <c r="G18" s="12">
        <v>0.69</v>
      </c>
      <c r="H18" s="12">
        <v>34947654.600000001</v>
      </c>
      <c r="I18" s="12">
        <v>35636866.189999998</v>
      </c>
      <c r="J18" s="12">
        <v>117100132.2</v>
      </c>
      <c r="K18" s="12">
        <v>0.66</v>
      </c>
      <c r="L18" s="12">
        <v>46873467.799999997</v>
      </c>
      <c r="M18" s="12">
        <v>11925813.199999999</v>
      </c>
    </row>
    <row r="19" spans="1:13" x14ac:dyDescent="0.25">
      <c r="A19" s="2" t="s">
        <v>31</v>
      </c>
      <c r="B19" s="4" t="s">
        <v>423</v>
      </c>
      <c r="C19" s="12">
        <v>794760000</v>
      </c>
      <c r="D19" s="12">
        <v>798836200</v>
      </c>
      <c r="E19" s="12">
        <v>-5097732.54</v>
      </c>
      <c r="F19" s="12">
        <v>785308286.05999994</v>
      </c>
      <c r="G19" s="12">
        <v>4.22</v>
      </c>
      <c r="H19" s="12">
        <v>13527913.939999999</v>
      </c>
      <c r="I19" s="12">
        <v>159476077.99000001</v>
      </c>
      <c r="J19" s="12">
        <v>784623286.05999994</v>
      </c>
      <c r="K19" s="12">
        <v>4.4400000000000004</v>
      </c>
      <c r="L19" s="12">
        <v>14212913.939999999</v>
      </c>
      <c r="M19" s="12">
        <v>685000</v>
      </c>
    </row>
    <row r="20" spans="1:13" x14ac:dyDescent="0.25">
      <c r="A20" s="2" t="s">
        <v>33</v>
      </c>
      <c r="B20" s="4" t="s">
        <v>424</v>
      </c>
      <c r="C20" s="12">
        <v>40802000</v>
      </c>
      <c r="D20" s="12">
        <v>40802000</v>
      </c>
      <c r="E20" s="12">
        <v>3183904.69</v>
      </c>
      <c r="F20" s="12">
        <v>29321593.690000001</v>
      </c>
      <c r="G20" s="12">
        <v>0.16</v>
      </c>
      <c r="H20" s="12">
        <v>11480406.310000001</v>
      </c>
      <c r="I20" s="12">
        <v>4705888.6399999997</v>
      </c>
      <c r="J20" s="12">
        <v>21399887.829999998</v>
      </c>
      <c r="K20" s="12">
        <v>0.12</v>
      </c>
      <c r="L20" s="12">
        <v>19402112.170000002</v>
      </c>
      <c r="M20" s="12">
        <v>7921705.8600000003</v>
      </c>
    </row>
    <row r="21" spans="1:13" x14ac:dyDescent="0.25">
      <c r="A21" s="2" t="s">
        <v>35</v>
      </c>
      <c r="B21" s="4" t="s">
        <v>425</v>
      </c>
      <c r="C21" s="12">
        <v>2095300</v>
      </c>
      <c r="D21" s="12">
        <v>2524020</v>
      </c>
      <c r="E21" s="12">
        <v>-685202.57</v>
      </c>
      <c r="F21" s="12">
        <v>1492167.29</v>
      </c>
      <c r="G21" s="12">
        <v>0.01</v>
      </c>
      <c r="H21" s="12">
        <v>1031852.71</v>
      </c>
      <c r="I21" s="12">
        <v>335226.84000000003</v>
      </c>
      <c r="J21" s="12">
        <v>860359.52</v>
      </c>
      <c r="K21" s="12">
        <v>0</v>
      </c>
      <c r="L21" s="12">
        <v>1663660.48</v>
      </c>
      <c r="M21" s="12">
        <v>631807.77</v>
      </c>
    </row>
    <row r="22" spans="1:13" x14ac:dyDescent="0.25">
      <c r="A22" s="2" t="s">
        <v>37</v>
      </c>
      <c r="B22" s="4" t="s">
        <v>426</v>
      </c>
      <c r="C22" s="12">
        <v>3591100</v>
      </c>
      <c r="D22" s="12">
        <v>5377380</v>
      </c>
      <c r="E22" s="12">
        <v>-1089141.8400000001</v>
      </c>
      <c r="F22" s="12">
        <v>3619690</v>
      </c>
      <c r="G22" s="12">
        <v>0.02</v>
      </c>
      <c r="H22" s="12">
        <v>1757690</v>
      </c>
      <c r="I22" s="12">
        <v>1012155.26</v>
      </c>
      <c r="J22" s="12">
        <v>2621666.56</v>
      </c>
      <c r="K22" s="12">
        <v>0.01</v>
      </c>
      <c r="L22" s="12">
        <v>2755713.44</v>
      </c>
      <c r="M22" s="12">
        <v>998023.44</v>
      </c>
    </row>
    <row r="23" spans="1:13" x14ac:dyDescent="0.25">
      <c r="A23" s="2" t="s">
        <v>39</v>
      </c>
      <c r="B23" s="4" t="s">
        <v>420</v>
      </c>
      <c r="C23" s="12">
        <v>700000</v>
      </c>
      <c r="D23" s="12">
        <v>700000</v>
      </c>
      <c r="E23" s="12">
        <v>-18758.080000000002</v>
      </c>
      <c r="F23" s="12">
        <v>663241.92000000004</v>
      </c>
      <c r="G23" s="12">
        <v>0</v>
      </c>
      <c r="H23" s="12">
        <v>36758.080000000002</v>
      </c>
      <c r="I23" s="12">
        <v>111591.66</v>
      </c>
      <c r="J23" s="12">
        <v>663241.92000000004</v>
      </c>
      <c r="K23" s="12">
        <v>0</v>
      </c>
      <c r="L23" s="12">
        <v>36758.080000000002</v>
      </c>
      <c r="M23" s="12">
        <v>0</v>
      </c>
    </row>
    <row r="24" spans="1:13" x14ac:dyDescent="0.25">
      <c r="A24" s="3" t="s">
        <v>41</v>
      </c>
      <c r="B24" s="5" t="s">
        <v>427</v>
      </c>
      <c r="C24" s="11">
        <v>984351500</v>
      </c>
      <c r="D24" s="11">
        <v>1168299295.53</v>
      </c>
      <c r="E24" s="11">
        <v>211783188</v>
      </c>
      <c r="F24" s="11">
        <v>1089493227.8</v>
      </c>
      <c r="G24" s="11">
        <v>5.86</v>
      </c>
      <c r="H24" s="11">
        <v>78806067.730000004</v>
      </c>
      <c r="I24" s="11">
        <v>236470362.99000001</v>
      </c>
      <c r="J24" s="11">
        <v>1050149125.62</v>
      </c>
      <c r="K24" s="11">
        <v>5.95</v>
      </c>
      <c r="L24" s="11">
        <v>118150169.91</v>
      </c>
      <c r="M24" s="11">
        <v>39344102.18</v>
      </c>
    </row>
    <row r="25" spans="1:13" x14ac:dyDescent="0.25">
      <c r="A25" s="2" t="s">
        <v>43</v>
      </c>
      <c r="B25" s="4" t="s">
        <v>428</v>
      </c>
      <c r="C25" s="12">
        <v>454086600</v>
      </c>
      <c r="D25" s="12">
        <v>472084921.26999998</v>
      </c>
      <c r="E25" s="12">
        <v>79288932.819999993</v>
      </c>
      <c r="F25" s="12">
        <v>456588203.38999999</v>
      </c>
      <c r="G25" s="12">
        <v>2.4500000000000002</v>
      </c>
      <c r="H25" s="12">
        <v>15496717.880000001</v>
      </c>
      <c r="I25" s="12">
        <v>98623846.920000002</v>
      </c>
      <c r="J25" s="12">
        <v>422019258.44999999</v>
      </c>
      <c r="K25" s="12">
        <v>2.39</v>
      </c>
      <c r="L25" s="12">
        <v>50065662.82</v>
      </c>
      <c r="M25" s="12">
        <v>34568944.939999998</v>
      </c>
    </row>
    <row r="26" spans="1:13" x14ac:dyDescent="0.25">
      <c r="A26" s="2" t="s">
        <v>45</v>
      </c>
      <c r="B26" s="4" t="s">
        <v>429</v>
      </c>
      <c r="C26" s="12">
        <v>110357500</v>
      </c>
      <c r="D26" s="12">
        <v>151090500</v>
      </c>
      <c r="E26" s="12">
        <v>39742706.240000002</v>
      </c>
      <c r="F26" s="12">
        <v>96113111.569999993</v>
      </c>
      <c r="G26" s="12">
        <v>0.52</v>
      </c>
      <c r="H26" s="12">
        <v>54977388.43</v>
      </c>
      <c r="I26" s="12">
        <v>40991908.630000003</v>
      </c>
      <c r="J26" s="12">
        <v>93536942.75</v>
      </c>
      <c r="K26" s="12">
        <v>0.53</v>
      </c>
      <c r="L26" s="12">
        <v>57553557.25</v>
      </c>
      <c r="M26" s="12">
        <v>2576168.8199999998</v>
      </c>
    </row>
    <row r="27" spans="1:13" x14ac:dyDescent="0.25">
      <c r="A27" s="2" t="s">
        <v>47</v>
      </c>
      <c r="B27" s="4" t="s">
        <v>423</v>
      </c>
      <c r="C27" s="12">
        <v>18435000</v>
      </c>
      <c r="D27" s="12">
        <v>27309000</v>
      </c>
      <c r="E27" s="12">
        <v>3897780.19</v>
      </c>
      <c r="F27" s="12">
        <v>21991224.780000001</v>
      </c>
      <c r="G27" s="12">
        <v>0.12</v>
      </c>
      <c r="H27" s="12">
        <v>5317775.22</v>
      </c>
      <c r="I27" s="12">
        <v>7555895.6100000003</v>
      </c>
      <c r="J27" s="12">
        <v>19878074.140000001</v>
      </c>
      <c r="K27" s="12">
        <v>0.11</v>
      </c>
      <c r="L27" s="12">
        <v>7430925.8600000003</v>
      </c>
      <c r="M27" s="12">
        <v>2113150.64</v>
      </c>
    </row>
    <row r="28" spans="1:13" x14ac:dyDescent="0.25">
      <c r="A28" s="2" t="s">
        <v>49</v>
      </c>
      <c r="B28" s="4" t="s">
        <v>425</v>
      </c>
      <c r="C28" s="12">
        <v>6204400</v>
      </c>
      <c r="D28" s="12">
        <v>5825900</v>
      </c>
      <c r="E28" s="12">
        <v>906976.26</v>
      </c>
      <c r="F28" s="12">
        <v>5422704.5599999996</v>
      </c>
      <c r="G28" s="12">
        <v>0.03</v>
      </c>
      <c r="H28" s="12">
        <v>403195.44</v>
      </c>
      <c r="I28" s="12">
        <v>974176.1</v>
      </c>
      <c r="J28" s="12">
        <v>5362764.18</v>
      </c>
      <c r="K28" s="12">
        <v>0.03</v>
      </c>
      <c r="L28" s="12">
        <v>463135.82</v>
      </c>
      <c r="M28" s="12">
        <v>59940.38</v>
      </c>
    </row>
    <row r="29" spans="1:13" x14ac:dyDescent="0.25">
      <c r="A29" s="2" t="s">
        <v>51</v>
      </c>
      <c r="B29" s="4" t="s">
        <v>430</v>
      </c>
      <c r="C29" s="12">
        <v>174461100</v>
      </c>
      <c r="D29" s="12">
        <v>175032074.25999999</v>
      </c>
      <c r="E29" s="12">
        <v>38424357.939999998</v>
      </c>
      <c r="F29" s="12">
        <v>174776166.22999999</v>
      </c>
      <c r="G29" s="12">
        <v>0.94</v>
      </c>
      <c r="H29" s="12">
        <v>255908.03</v>
      </c>
      <c r="I29" s="12">
        <v>38739147.969999999</v>
      </c>
      <c r="J29" s="12">
        <v>174750268.83000001</v>
      </c>
      <c r="K29" s="12">
        <v>0.99</v>
      </c>
      <c r="L29" s="12">
        <v>281805.43</v>
      </c>
      <c r="M29" s="12">
        <v>25897.4</v>
      </c>
    </row>
    <row r="30" spans="1:13" x14ac:dyDescent="0.25">
      <c r="A30" s="2" t="s">
        <v>53</v>
      </c>
      <c r="B30" s="4" t="s">
        <v>420</v>
      </c>
      <c r="C30" s="12">
        <v>220806900</v>
      </c>
      <c r="D30" s="12">
        <v>336956900</v>
      </c>
      <c r="E30" s="12">
        <v>49522434.549999997</v>
      </c>
      <c r="F30" s="12">
        <v>334601817.26999998</v>
      </c>
      <c r="G30" s="12">
        <v>1.8</v>
      </c>
      <c r="H30" s="12">
        <v>2355082.73</v>
      </c>
      <c r="I30" s="12">
        <v>49585387.759999998</v>
      </c>
      <c r="J30" s="12">
        <v>334601817.26999998</v>
      </c>
      <c r="K30" s="12">
        <v>1.9</v>
      </c>
      <c r="L30" s="12">
        <v>2355082.73</v>
      </c>
      <c r="M30" s="12">
        <v>0</v>
      </c>
    </row>
    <row r="31" spans="1:13" x14ac:dyDescent="0.25">
      <c r="A31" s="3" t="s">
        <v>55</v>
      </c>
      <c r="B31" s="5" t="s">
        <v>431</v>
      </c>
      <c r="C31" s="11">
        <v>849267800</v>
      </c>
      <c r="D31" s="11">
        <v>1244958658.3499999</v>
      </c>
      <c r="E31" s="11">
        <v>179648804.59999999</v>
      </c>
      <c r="F31" s="11">
        <v>953923435.50999999</v>
      </c>
      <c r="G31" s="11">
        <v>5.12</v>
      </c>
      <c r="H31" s="11">
        <v>291035222.83999997</v>
      </c>
      <c r="I31" s="11">
        <v>195828392.34</v>
      </c>
      <c r="J31" s="11">
        <v>908163168.34000003</v>
      </c>
      <c r="K31" s="11">
        <v>5.15</v>
      </c>
      <c r="L31" s="11">
        <v>336795490.00999999</v>
      </c>
      <c r="M31" s="11">
        <v>45760267.170000002</v>
      </c>
    </row>
    <row r="32" spans="1:13" x14ac:dyDescent="0.25">
      <c r="A32" s="2" t="s">
        <v>57</v>
      </c>
      <c r="B32" s="4" t="s">
        <v>423</v>
      </c>
      <c r="C32" s="12">
        <v>787052900</v>
      </c>
      <c r="D32" s="12">
        <v>1130075117.9300001</v>
      </c>
      <c r="E32" s="12">
        <v>167668493.11000001</v>
      </c>
      <c r="F32" s="12">
        <v>906227963.47000003</v>
      </c>
      <c r="G32" s="12">
        <v>4.87</v>
      </c>
      <c r="H32" s="12">
        <v>223847154.46000001</v>
      </c>
      <c r="I32" s="12">
        <v>186359189.38</v>
      </c>
      <c r="J32" s="12">
        <v>871953766.29999995</v>
      </c>
      <c r="K32" s="12">
        <v>4.9400000000000004</v>
      </c>
      <c r="L32" s="12">
        <v>258121351.63</v>
      </c>
      <c r="M32" s="12">
        <v>34274197.170000002</v>
      </c>
    </row>
    <row r="33" spans="1:13" x14ac:dyDescent="0.25">
      <c r="A33" s="2" t="s">
        <v>59</v>
      </c>
      <c r="B33" s="4" t="s">
        <v>432</v>
      </c>
      <c r="C33" s="12">
        <v>24527500</v>
      </c>
      <c r="D33" s="12">
        <v>53905800</v>
      </c>
      <c r="E33" s="12">
        <v>7935590.6100000003</v>
      </c>
      <c r="F33" s="12">
        <v>21331036.309999999</v>
      </c>
      <c r="G33" s="12">
        <v>0.11</v>
      </c>
      <c r="H33" s="12">
        <v>32574763.690000001</v>
      </c>
      <c r="I33" s="12">
        <v>5322583.04</v>
      </c>
      <c r="J33" s="12">
        <v>9931699.8699999992</v>
      </c>
      <c r="K33" s="12">
        <v>0.06</v>
      </c>
      <c r="L33" s="12">
        <v>43974100.130000003</v>
      </c>
      <c r="M33" s="12">
        <v>11399336.439999999</v>
      </c>
    </row>
    <row r="34" spans="1:13" x14ac:dyDescent="0.25">
      <c r="A34" s="2" t="s">
        <v>61</v>
      </c>
      <c r="B34" s="4" t="s">
        <v>433</v>
      </c>
      <c r="C34" s="12">
        <v>13083700</v>
      </c>
      <c r="D34" s="12">
        <v>13766324.609999999</v>
      </c>
      <c r="E34" s="12">
        <v>2421034.2400000002</v>
      </c>
      <c r="F34" s="12">
        <v>11601592.83</v>
      </c>
      <c r="G34" s="12">
        <v>0.06</v>
      </c>
      <c r="H34" s="12">
        <v>2164731.7799999998</v>
      </c>
      <c r="I34" s="12">
        <v>2447983.77</v>
      </c>
      <c r="J34" s="12">
        <v>11578399.619999999</v>
      </c>
      <c r="K34" s="12">
        <v>7.0000000000000007E-2</v>
      </c>
      <c r="L34" s="12">
        <v>2187924.9900000002</v>
      </c>
      <c r="M34" s="12">
        <v>23193.21</v>
      </c>
    </row>
    <row r="35" spans="1:13" x14ac:dyDescent="0.25">
      <c r="A35" s="2" t="s">
        <v>63</v>
      </c>
      <c r="B35" s="4" t="s">
        <v>424</v>
      </c>
      <c r="C35" s="12">
        <v>4100</v>
      </c>
      <c r="D35" s="12">
        <v>4100</v>
      </c>
      <c r="E35" s="12">
        <v>0</v>
      </c>
      <c r="F35" s="12">
        <v>0</v>
      </c>
      <c r="G35" s="12">
        <v>0</v>
      </c>
      <c r="H35" s="12">
        <v>4100</v>
      </c>
      <c r="I35" s="12">
        <v>0</v>
      </c>
      <c r="J35" s="12">
        <v>0</v>
      </c>
      <c r="K35" s="12">
        <v>0</v>
      </c>
      <c r="L35" s="12">
        <v>4100</v>
      </c>
      <c r="M35" s="12">
        <v>0</v>
      </c>
    </row>
    <row r="36" spans="1:13" x14ac:dyDescent="0.25">
      <c r="A36" s="2" t="s">
        <v>65</v>
      </c>
      <c r="B36" s="4" t="s">
        <v>425</v>
      </c>
      <c r="C36" s="12">
        <v>11256400</v>
      </c>
      <c r="D36" s="12">
        <v>11256400</v>
      </c>
      <c r="E36" s="12">
        <v>28248</v>
      </c>
      <c r="F36" s="12">
        <v>97728</v>
      </c>
      <c r="G36" s="12">
        <v>0</v>
      </c>
      <c r="H36" s="12">
        <v>11158672</v>
      </c>
      <c r="I36" s="12">
        <v>28248</v>
      </c>
      <c r="J36" s="12">
        <v>97728</v>
      </c>
      <c r="K36" s="12">
        <v>0</v>
      </c>
      <c r="L36" s="12">
        <v>11158672</v>
      </c>
      <c r="M36" s="12">
        <v>0</v>
      </c>
    </row>
    <row r="37" spans="1:13" x14ac:dyDescent="0.25">
      <c r="A37" s="2" t="s">
        <v>67</v>
      </c>
      <c r="B37" s="4" t="s">
        <v>434</v>
      </c>
      <c r="C37" s="12">
        <v>2400</v>
      </c>
      <c r="D37" s="12">
        <v>2400</v>
      </c>
      <c r="E37" s="12">
        <v>0</v>
      </c>
      <c r="F37" s="12">
        <v>0</v>
      </c>
      <c r="G37" s="12">
        <v>0</v>
      </c>
      <c r="H37" s="12">
        <v>2400</v>
      </c>
      <c r="I37" s="12">
        <v>0</v>
      </c>
      <c r="J37" s="12">
        <v>0</v>
      </c>
      <c r="K37" s="12">
        <v>0</v>
      </c>
      <c r="L37" s="12">
        <v>2400</v>
      </c>
      <c r="M37" s="12">
        <v>0</v>
      </c>
    </row>
    <row r="38" spans="1:13" x14ac:dyDescent="0.25">
      <c r="A38" s="2" t="s">
        <v>69</v>
      </c>
      <c r="B38" s="4" t="s">
        <v>435</v>
      </c>
      <c r="C38" s="12">
        <v>13305000</v>
      </c>
      <c r="D38" s="12">
        <v>35878715.810000002</v>
      </c>
      <c r="E38" s="12">
        <v>1591238.64</v>
      </c>
      <c r="F38" s="12">
        <v>14633538.9</v>
      </c>
      <c r="G38" s="12">
        <v>0.08</v>
      </c>
      <c r="H38" s="12">
        <v>21245176.91</v>
      </c>
      <c r="I38" s="12">
        <v>1670388.15</v>
      </c>
      <c r="J38" s="12">
        <v>14574198.550000001</v>
      </c>
      <c r="K38" s="12">
        <v>0.08</v>
      </c>
      <c r="L38" s="12">
        <v>21304517.260000002</v>
      </c>
      <c r="M38" s="12">
        <v>59340.35</v>
      </c>
    </row>
    <row r="39" spans="1:13" x14ac:dyDescent="0.25">
      <c r="A39" s="2" t="s">
        <v>71</v>
      </c>
      <c r="B39" s="4" t="s">
        <v>436</v>
      </c>
      <c r="C39" s="12">
        <v>35800</v>
      </c>
      <c r="D39" s="12">
        <v>69800</v>
      </c>
      <c r="E39" s="12">
        <v>4200</v>
      </c>
      <c r="F39" s="12">
        <v>31576</v>
      </c>
      <c r="G39" s="12">
        <v>0</v>
      </c>
      <c r="H39" s="12">
        <v>38224</v>
      </c>
      <c r="I39" s="12">
        <v>0</v>
      </c>
      <c r="J39" s="12">
        <v>27376</v>
      </c>
      <c r="K39" s="12">
        <v>0</v>
      </c>
      <c r="L39" s="12">
        <v>42424</v>
      </c>
      <c r="M39" s="12">
        <v>4200</v>
      </c>
    </row>
    <row r="40" spans="1:13" x14ac:dyDescent="0.25">
      <c r="A40" s="3" t="s">
        <v>73</v>
      </c>
      <c r="B40" s="5" t="s">
        <v>437</v>
      </c>
      <c r="C40" s="11">
        <v>1688466500</v>
      </c>
      <c r="D40" s="11">
        <v>1895270627.98</v>
      </c>
      <c r="E40" s="11">
        <v>355857962.30000001</v>
      </c>
      <c r="F40" s="11">
        <v>1558254282.6900001</v>
      </c>
      <c r="G40" s="11">
        <v>8.3699999999999992</v>
      </c>
      <c r="H40" s="11">
        <v>337016345.29000002</v>
      </c>
      <c r="I40" s="11">
        <v>340957853.68000001</v>
      </c>
      <c r="J40" s="11">
        <v>1404733613.5599999</v>
      </c>
      <c r="K40" s="11">
        <v>7.96</v>
      </c>
      <c r="L40" s="11">
        <v>490537014.42000002</v>
      </c>
      <c r="M40" s="11">
        <v>153520669.13</v>
      </c>
    </row>
    <row r="41" spans="1:13" x14ac:dyDescent="0.25">
      <c r="A41" s="2" t="s">
        <v>75</v>
      </c>
      <c r="B41" s="4" t="s">
        <v>423</v>
      </c>
      <c r="C41" s="12">
        <v>1521094300</v>
      </c>
      <c r="D41" s="12">
        <v>1659818409.98</v>
      </c>
      <c r="E41" s="12">
        <v>327288390.44999999</v>
      </c>
      <c r="F41" s="12">
        <v>1427562697.6400001</v>
      </c>
      <c r="G41" s="12">
        <v>7.67</v>
      </c>
      <c r="H41" s="12">
        <v>232255712.34</v>
      </c>
      <c r="I41" s="12">
        <v>330316661.79000002</v>
      </c>
      <c r="J41" s="12">
        <v>1360740861.1900001</v>
      </c>
      <c r="K41" s="12">
        <v>7.71</v>
      </c>
      <c r="L41" s="12">
        <v>299077548.79000002</v>
      </c>
      <c r="M41" s="12">
        <v>66821836.450000003</v>
      </c>
    </row>
    <row r="42" spans="1:13" x14ac:dyDescent="0.25">
      <c r="A42" s="2" t="s">
        <v>77</v>
      </c>
      <c r="B42" s="4" t="s">
        <v>438</v>
      </c>
      <c r="C42" s="12">
        <v>167013800</v>
      </c>
      <c r="D42" s="12">
        <v>235094518</v>
      </c>
      <c r="E42" s="12">
        <v>28569571.850000001</v>
      </c>
      <c r="F42" s="12">
        <v>130691585.05</v>
      </c>
      <c r="G42" s="12">
        <v>0.7</v>
      </c>
      <c r="H42" s="12">
        <v>104402932.95</v>
      </c>
      <c r="I42" s="12">
        <v>10641191.890000001</v>
      </c>
      <c r="J42" s="12">
        <v>43992752.369999997</v>
      </c>
      <c r="K42" s="12">
        <v>0.25</v>
      </c>
      <c r="L42" s="12">
        <v>191101765.63</v>
      </c>
      <c r="M42" s="12">
        <v>86698832.680000007</v>
      </c>
    </row>
    <row r="43" spans="1:13" x14ac:dyDescent="0.25">
      <c r="A43" s="2" t="s">
        <v>79</v>
      </c>
      <c r="B43" s="4" t="s">
        <v>439</v>
      </c>
      <c r="C43" s="12">
        <v>500</v>
      </c>
      <c r="D43" s="12">
        <v>0</v>
      </c>
      <c r="E43" s="12">
        <v>0</v>
      </c>
      <c r="F43" s="12">
        <v>0</v>
      </c>
      <c r="G43" s="12">
        <v>0</v>
      </c>
      <c r="H43" s="12">
        <v>0</v>
      </c>
      <c r="I43" s="12">
        <v>0</v>
      </c>
      <c r="J43" s="12">
        <v>0</v>
      </c>
      <c r="K43" s="12">
        <v>0</v>
      </c>
      <c r="L43" s="12">
        <v>0</v>
      </c>
      <c r="M43" s="12">
        <v>0</v>
      </c>
    </row>
    <row r="44" spans="1:13" x14ac:dyDescent="0.25">
      <c r="A44" s="2" t="s">
        <v>81</v>
      </c>
      <c r="B44" s="4" t="s">
        <v>440</v>
      </c>
      <c r="C44" s="12">
        <v>200</v>
      </c>
      <c r="D44" s="12">
        <v>0</v>
      </c>
      <c r="E44" s="12">
        <v>0</v>
      </c>
      <c r="F44" s="12">
        <v>0</v>
      </c>
      <c r="G44" s="12">
        <v>0</v>
      </c>
      <c r="H44" s="12">
        <v>0</v>
      </c>
      <c r="I44" s="12">
        <v>0</v>
      </c>
      <c r="J44" s="12">
        <v>0</v>
      </c>
      <c r="K44" s="12">
        <v>0</v>
      </c>
      <c r="L44" s="12">
        <v>0</v>
      </c>
      <c r="M44" s="12">
        <v>0</v>
      </c>
    </row>
    <row r="45" spans="1:13" x14ac:dyDescent="0.25">
      <c r="A45" s="2" t="s">
        <v>83</v>
      </c>
      <c r="B45" s="4" t="s">
        <v>441</v>
      </c>
      <c r="C45" s="12">
        <v>357700</v>
      </c>
      <c r="D45" s="12">
        <v>357700</v>
      </c>
      <c r="E45" s="12">
        <v>0</v>
      </c>
      <c r="F45" s="12">
        <v>0</v>
      </c>
      <c r="G45" s="12">
        <v>0</v>
      </c>
      <c r="H45" s="12">
        <v>357700</v>
      </c>
      <c r="I45" s="12">
        <v>0</v>
      </c>
      <c r="J45" s="12">
        <v>0</v>
      </c>
      <c r="K45" s="12">
        <v>0</v>
      </c>
      <c r="L45" s="12">
        <v>357700</v>
      </c>
      <c r="M45" s="12">
        <v>0</v>
      </c>
    </row>
    <row r="46" spans="1:13" x14ac:dyDescent="0.25">
      <c r="A46" s="3" t="s">
        <v>85</v>
      </c>
      <c r="B46" s="5" t="s">
        <v>442</v>
      </c>
      <c r="C46" s="11">
        <v>241550900</v>
      </c>
      <c r="D46" s="11">
        <v>224981092.37</v>
      </c>
      <c r="E46" s="11">
        <v>27296748.649999999</v>
      </c>
      <c r="F46" s="11">
        <v>174754317.34999999</v>
      </c>
      <c r="G46" s="11">
        <v>0.93</v>
      </c>
      <c r="H46" s="11">
        <v>50226775.020000003</v>
      </c>
      <c r="I46" s="11">
        <v>49235154.200000003</v>
      </c>
      <c r="J46" s="11">
        <v>172937265.69</v>
      </c>
      <c r="K46" s="11">
        <v>0.98</v>
      </c>
      <c r="L46" s="11">
        <v>52043826.68</v>
      </c>
      <c r="M46" s="11">
        <v>1817051.66</v>
      </c>
    </row>
    <row r="47" spans="1:13" x14ac:dyDescent="0.25">
      <c r="A47" s="2" t="s">
        <v>87</v>
      </c>
      <c r="B47" s="4" t="s">
        <v>423</v>
      </c>
      <c r="C47" s="12">
        <v>62523900</v>
      </c>
      <c r="D47" s="12">
        <v>55204292.369999997</v>
      </c>
      <c r="E47" s="12">
        <v>3015695.37</v>
      </c>
      <c r="F47" s="12">
        <v>45958910.530000001</v>
      </c>
      <c r="G47" s="12">
        <v>0.25</v>
      </c>
      <c r="H47" s="12">
        <v>9245381.8399999999</v>
      </c>
      <c r="I47" s="12">
        <v>6551594.4299999997</v>
      </c>
      <c r="J47" s="12">
        <v>45835900.530000001</v>
      </c>
      <c r="K47" s="12">
        <v>0.26</v>
      </c>
      <c r="L47" s="12">
        <v>9368391.8399999999</v>
      </c>
      <c r="M47" s="12">
        <v>123010</v>
      </c>
    </row>
    <row r="48" spans="1:13" x14ac:dyDescent="0.25">
      <c r="A48" s="2" t="s">
        <v>89</v>
      </c>
      <c r="B48" s="4" t="s">
        <v>443</v>
      </c>
      <c r="C48" s="12">
        <v>5842000</v>
      </c>
      <c r="D48" s="12">
        <v>5842000</v>
      </c>
      <c r="E48" s="12">
        <v>0</v>
      </c>
      <c r="F48" s="12">
        <v>0</v>
      </c>
      <c r="G48" s="12">
        <v>0</v>
      </c>
      <c r="H48" s="12">
        <v>5842000</v>
      </c>
      <c r="I48" s="12">
        <v>0</v>
      </c>
      <c r="J48" s="12">
        <v>0</v>
      </c>
      <c r="K48" s="12">
        <v>0</v>
      </c>
      <c r="L48" s="12">
        <v>5842000</v>
      </c>
      <c r="M48" s="12">
        <v>0</v>
      </c>
    </row>
    <row r="49" spans="1:13" x14ac:dyDescent="0.25">
      <c r="A49" s="2" t="s">
        <v>91</v>
      </c>
      <c r="B49" s="4" t="s">
        <v>440</v>
      </c>
      <c r="C49" s="12">
        <v>1170900</v>
      </c>
      <c r="D49" s="12">
        <v>1170900</v>
      </c>
      <c r="E49" s="12">
        <v>0</v>
      </c>
      <c r="F49" s="12">
        <v>759216.55</v>
      </c>
      <c r="G49" s="12">
        <v>0</v>
      </c>
      <c r="H49" s="12">
        <v>411683.45</v>
      </c>
      <c r="I49" s="12">
        <v>53999.839999999997</v>
      </c>
      <c r="J49" s="12">
        <v>759216.55</v>
      </c>
      <c r="K49" s="12">
        <v>0</v>
      </c>
      <c r="L49" s="12">
        <v>411683.45</v>
      </c>
      <c r="M49" s="12">
        <v>0</v>
      </c>
    </row>
    <row r="50" spans="1:13" x14ac:dyDescent="0.25">
      <c r="A50" s="2" t="s">
        <v>93</v>
      </c>
      <c r="B50" s="4" t="s">
        <v>444</v>
      </c>
      <c r="C50" s="12">
        <v>148970100</v>
      </c>
      <c r="D50" s="12">
        <v>151905510</v>
      </c>
      <c r="E50" s="12">
        <v>22654817.48</v>
      </c>
      <c r="F50" s="12">
        <v>119223010.95</v>
      </c>
      <c r="G50" s="12">
        <v>0.64</v>
      </c>
      <c r="H50" s="12">
        <v>32682499.050000001</v>
      </c>
      <c r="I50" s="12">
        <v>40732585.350000001</v>
      </c>
      <c r="J50" s="12">
        <v>117539984.18000001</v>
      </c>
      <c r="K50" s="12">
        <v>0.67</v>
      </c>
      <c r="L50" s="12">
        <v>34365525.82</v>
      </c>
      <c r="M50" s="12">
        <v>1683026.77</v>
      </c>
    </row>
    <row r="51" spans="1:13" x14ac:dyDescent="0.25">
      <c r="A51" s="2" t="s">
        <v>95</v>
      </c>
      <c r="B51" s="4" t="s">
        <v>445</v>
      </c>
      <c r="C51" s="12">
        <v>22000000</v>
      </c>
      <c r="D51" s="12">
        <v>9813790</v>
      </c>
      <c r="E51" s="12">
        <v>1624401.85</v>
      </c>
      <c r="F51" s="12">
        <v>7974196.9800000004</v>
      </c>
      <c r="G51" s="12">
        <v>0.04</v>
      </c>
      <c r="H51" s="12">
        <v>1839593.02</v>
      </c>
      <c r="I51" s="12">
        <v>1895101.59</v>
      </c>
      <c r="J51" s="12">
        <v>7963182.0899999999</v>
      </c>
      <c r="K51" s="12">
        <v>0.05</v>
      </c>
      <c r="L51" s="12">
        <v>1850607.91</v>
      </c>
      <c r="M51" s="12">
        <v>11014.89</v>
      </c>
    </row>
    <row r="52" spans="1:13" x14ac:dyDescent="0.25">
      <c r="A52" s="2" t="s">
        <v>97</v>
      </c>
      <c r="B52" s="4" t="s">
        <v>430</v>
      </c>
      <c r="C52" s="12">
        <v>1033200</v>
      </c>
      <c r="D52" s="12">
        <v>1033200</v>
      </c>
      <c r="E52" s="12">
        <v>0</v>
      </c>
      <c r="F52" s="12">
        <v>827850.29</v>
      </c>
      <c r="G52" s="12">
        <v>0</v>
      </c>
      <c r="H52" s="12">
        <v>205349.71</v>
      </c>
      <c r="I52" s="12">
        <v>0</v>
      </c>
      <c r="J52" s="12">
        <v>827850.29</v>
      </c>
      <c r="K52" s="12">
        <v>0</v>
      </c>
      <c r="L52" s="12">
        <v>205349.71</v>
      </c>
      <c r="M52" s="12">
        <v>0</v>
      </c>
    </row>
    <row r="53" spans="1:13" x14ac:dyDescent="0.25">
      <c r="A53" s="2" t="s">
        <v>99</v>
      </c>
      <c r="B53" s="4" t="s">
        <v>446</v>
      </c>
      <c r="C53" s="12">
        <v>10800</v>
      </c>
      <c r="D53" s="12">
        <v>11400</v>
      </c>
      <c r="E53" s="12">
        <v>1833.95</v>
      </c>
      <c r="F53" s="12">
        <v>11132.05</v>
      </c>
      <c r="G53" s="12">
        <v>0</v>
      </c>
      <c r="H53" s="12">
        <v>267.95</v>
      </c>
      <c r="I53" s="12">
        <v>1872.99</v>
      </c>
      <c r="J53" s="12">
        <v>11132.05</v>
      </c>
      <c r="K53" s="12">
        <v>0</v>
      </c>
      <c r="L53" s="12">
        <v>267.95</v>
      </c>
      <c r="M53" s="12">
        <v>0</v>
      </c>
    </row>
    <row r="54" spans="1:13" x14ac:dyDescent="0.25">
      <c r="A54" s="3" t="s">
        <v>101</v>
      </c>
      <c r="B54" s="5" t="s">
        <v>447</v>
      </c>
      <c r="C54" s="11">
        <v>2736295900</v>
      </c>
      <c r="D54" s="11">
        <v>4122305900</v>
      </c>
      <c r="E54" s="11">
        <v>854267277.63999999</v>
      </c>
      <c r="F54" s="11">
        <v>3999906188.9299998</v>
      </c>
      <c r="G54" s="11">
        <v>21.5</v>
      </c>
      <c r="H54" s="11">
        <v>122399711.06999999</v>
      </c>
      <c r="I54" s="11">
        <v>900870742.76999998</v>
      </c>
      <c r="J54" s="11">
        <v>3999906188.9299998</v>
      </c>
      <c r="K54" s="11">
        <v>22.66</v>
      </c>
      <c r="L54" s="11">
        <v>122399711.06999999</v>
      </c>
      <c r="M54" s="11">
        <v>0</v>
      </c>
    </row>
    <row r="55" spans="1:13" x14ac:dyDescent="0.25">
      <c r="A55" s="2" t="s">
        <v>103</v>
      </c>
      <c r="B55" s="4" t="s">
        <v>435</v>
      </c>
      <c r="C55" s="12">
        <v>2736295900</v>
      </c>
      <c r="D55" s="12">
        <v>4122305900</v>
      </c>
      <c r="E55" s="12">
        <v>854267277.63999999</v>
      </c>
      <c r="F55" s="12">
        <v>3999906188.9299998</v>
      </c>
      <c r="G55" s="12">
        <v>21.5</v>
      </c>
      <c r="H55" s="12">
        <v>122399711.06999999</v>
      </c>
      <c r="I55" s="12">
        <v>900870742.76999998</v>
      </c>
      <c r="J55" s="12">
        <v>3999906188.9299998</v>
      </c>
      <c r="K55" s="12">
        <v>22.66</v>
      </c>
      <c r="L55" s="12">
        <v>122399711.06999999</v>
      </c>
      <c r="M55" s="12">
        <v>0</v>
      </c>
    </row>
    <row r="56" spans="1:13" x14ac:dyDescent="0.25">
      <c r="A56" s="3" t="s">
        <v>105</v>
      </c>
      <c r="B56" s="5" t="s">
        <v>448</v>
      </c>
      <c r="C56" s="11">
        <v>1601289800</v>
      </c>
      <c r="D56" s="11">
        <v>2237194879.25</v>
      </c>
      <c r="E56" s="11">
        <v>419662885.06</v>
      </c>
      <c r="F56" s="11">
        <v>1862942032.3900001</v>
      </c>
      <c r="G56" s="11">
        <v>10.01</v>
      </c>
      <c r="H56" s="11">
        <v>374252846.86000001</v>
      </c>
      <c r="I56" s="11">
        <v>434927914</v>
      </c>
      <c r="J56" s="11">
        <v>1661662065.9100001</v>
      </c>
      <c r="K56" s="11">
        <v>9.41</v>
      </c>
      <c r="L56" s="11">
        <v>575532813.34000003</v>
      </c>
      <c r="M56" s="11">
        <v>201279966.47999999</v>
      </c>
    </row>
    <row r="57" spans="1:13" x14ac:dyDescent="0.25">
      <c r="A57" s="2" t="s">
        <v>107</v>
      </c>
      <c r="B57" s="4" t="s">
        <v>423</v>
      </c>
      <c r="C57" s="12">
        <v>361654800</v>
      </c>
      <c r="D57" s="12">
        <v>523407927.88</v>
      </c>
      <c r="E57" s="12">
        <v>87156751.640000001</v>
      </c>
      <c r="F57" s="12">
        <v>505441391.22000003</v>
      </c>
      <c r="G57" s="12">
        <v>2.72</v>
      </c>
      <c r="H57" s="12">
        <v>17966536.66</v>
      </c>
      <c r="I57" s="12">
        <v>91484230.159999996</v>
      </c>
      <c r="J57" s="12">
        <v>482957566.39999998</v>
      </c>
      <c r="K57" s="12">
        <v>2.74</v>
      </c>
      <c r="L57" s="12">
        <v>40450361.479999997</v>
      </c>
      <c r="M57" s="12">
        <v>22483824.82</v>
      </c>
    </row>
    <row r="58" spans="1:13" x14ac:dyDescent="0.25">
      <c r="A58" s="2" t="s">
        <v>109</v>
      </c>
      <c r="B58" s="4" t="s">
        <v>425</v>
      </c>
      <c r="C58" s="12">
        <v>4797300</v>
      </c>
      <c r="D58" s="12">
        <v>2928319</v>
      </c>
      <c r="E58" s="12">
        <v>-581618.6</v>
      </c>
      <c r="F58" s="12">
        <v>1881843.14</v>
      </c>
      <c r="G58" s="12">
        <v>0.01</v>
      </c>
      <c r="H58" s="12">
        <v>1046475.86</v>
      </c>
      <c r="I58" s="12">
        <v>343386.1</v>
      </c>
      <c r="J58" s="12">
        <v>792193.49</v>
      </c>
      <c r="K58" s="12">
        <v>0</v>
      </c>
      <c r="L58" s="12">
        <v>2136125.5099999998</v>
      </c>
      <c r="M58" s="12">
        <v>1089649.6499999999</v>
      </c>
    </row>
    <row r="59" spans="1:13" x14ac:dyDescent="0.25">
      <c r="A59" s="2" t="s">
        <v>111</v>
      </c>
      <c r="B59" s="4" t="s">
        <v>449</v>
      </c>
      <c r="C59" s="12">
        <v>69829000</v>
      </c>
      <c r="D59" s="12">
        <v>60540567</v>
      </c>
      <c r="E59" s="12">
        <v>10189213.58</v>
      </c>
      <c r="F59" s="12">
        <v>60069514</v>
      </c>
      <c r="G59" s="12">
        <v>0.32</v>
      </c>
      <c r="H59" s="12">
        <v>471053</v>
      </c>
      <c r="I59" s="12">
        <v>10287305.6</v>
      </c>
      <c r="J59" s="12">
        <v>51501175.520000003</v>
      </c>
      <c r="K59" s="12">
        <v>0.28999999999999998</v>
      </c>
      <c r="L59" s="12">
        <v>9039391.4800000004</v>
      </c>
      <c r="M59" s="12">
        <v>8568338.4800000004</v>
      </c>
    </row>
    <row r="60" spans="1:13" x14ac:dyDescent="0.25">
      <c r="A60" s="2" t="s">
        <v>113</v>
      </c>
      <c r="B60" s="4" t="s">
        <v>450</v>
      </c>
      <c r="C60" s="12">
        <v>985422100</v>
      </c>
      <c r="D60" s="12">
        <v>1229988755.3699999</v>
      </c>
      <c r="E60" s="12">
        <v>179275645.74000001</v>
      </c>
      <c r="F60" s="12">
        <v>957480194.95000005</v>
      </c>
      <c r="G60" s="12">
        <v>5.15</v>
      </c>
      <c r="H60" s="12">
        <v>272508560.42000002</v>
      </c>
      <c r="I60" s="12">
        <v>197116258.15000001</v>
      </c>
      <c r="J60" s="12">
        <v>832715373.84000003</v>
      </c>
      <c r="K60" s="12">
        <v>4.72</v>
      </c>
      <c r="L60" s="12">
        <v>397273381.52999997</v>
      </c>
      <c r="M60" s="12">
        <v>124764821.11</v>
      </c>
    </row>
    <row r="61" spans="1:13" x14ac:dyDescent="0.25">
      <c r="A61" s="2" t="s">
        <v>115</v>
      </c>
      <c r="B61" s="4" t="s">
        <v>451</v>
      </c>
      <c r="C61" s="12">
        <v>92524600</v>
      </c>
      <c r="D61" s="12">
        <v>208782028</v>
      </c>
      <c r="E61" s="12">
        <v>110762183.37</v>
      </c>
      <c r="F61" s="12">
        <v>162274686.88999999</v>
      </c>
      <c r="G61" s="12">
        <v>0.87</v>
      </c>
      <c r="H61" s="12">
        <v>46507341.109999999</v>
      </c>
      <c r="I61" s="12">
        <v>101660396.44</v>
      </c>
      <c r="J61" s="12">
        <v>140981053.46000001</v>
      </c>
      <c r="K61" s="12">
        <v>0.8</v>
      </c>
      <c r="L61" s="12">
        <v>67800974.540000007</v>
      </c>
      <c r="M61" s="12">
        <v>21293633.43</v>
      </c>
    </row>
    <row r="62" spans="1:13" x14ac:dyDescent="0.25">
      <c r="A62" s="2" t="s">
        <v>117</v>
      </c>
      <c r="B62" s="4" t="s">
        <v>452</v>
      </c>
      <c r="C62" s="12">
        <v>2631900</v>
      </c>
      <c r="D62" s="12">
        <v>2400900</v>
      </c>
      <c r="E62" s="12">
        <v>528.05999999999995</v>
      </c>
      <c r="F62" s="12">
        <v>522531.92</v>
      </c>
      <c r="G62" s="12">
        <v>0</v>
      </c>
      <c r="H62" s="12">
        <v>1878368.08</v>
      </c>
      <c r="I62" s="12">
        <v>141970.15</v>
      </c>
      <c r="J62" s="12">
        <v>491141.96</v>
      </c>
      <c r="K62" s="12">
        <v>0</v>
      </c>
      <c r="L62" s="12">
        <v>1909758.04</v>
      </c>
      <c r="M62" s="12">
        <v>31389.96</v>
      </c>
    </row>
    <row r="63" spans="1:13" x14ac:dyDescent="0.25">
      <c r="A63" s="2" t="s">
        <v>119</v>
      </c>
      <c r="B63" s="4" t="s">
        <v>453</v>
      </c>
      <c r="C63" s="12">
        <v>48339700</v>
      </c>
      <c r="D63" s="12">
        <v>165109051</v>
      </c>
      <c r="E63" s="12">
        <v>25107528.010000002</v>
      </c>
      <c r="F63" s="12">
        <v>131642588.39</v>
      </c>
      <c r="G63" s="12">
        <v>0.71</v>
      </c>
      <c r="H63" s="12">
        <v>33466462.609999999</v>
      </c>
      <c r="I63" s="12">
        <v>26021408.890000001</v>
      </c>
      <c r="J63" s="12">
        <v>112768274.75</v>
      </c>
      <c r="K63" s="12">
        <v>0.64</v>
      </c>
      <c r="L63" s="12">
        <v>52340776.25</v>
      </c>
      <c r="M63" s="12">
        <v>18874313.640000001</v>
      </c>
    </row>
    <row r="64" spans="1:13" x14ac:dyDescent="0.25">
      <c r="A64" s="2" t="s">
        <v>120</v>
      </c>
      <c r="B64" s="4" t="s">
        <v>454</v>
      </c>
      <c r="C64" s="12">
        <v>34670700</v>
      </c>
      <c r="D64" s="12">
        <v>43280400</v>
      </c>
      <c r="E64" s="12">
        <v>7774739.2300000004</v>
      </c>
      <c r="F64" s="12">
        <v>43139706.770000003</v>
      </c>
      <c r="G64" s="12">
        <v>0.23</v>
      </c>
      <c r="H64" s="12">
        <v>140693.23000000001</v>
      </c>
      <c r="I64" s="12">
        <v>7790717.8899999997</v>
      </c>
      <c r="J64" s="12">
        <v>39034422.469999999</v>
      </c>
      <c r="K64" s="12">
        <v>0.22</v>
      </c>
      <c r="L64" s="12">
        <v>4245977.53</v>
      </c>
      <c r="M64" s="12">
        <v>4105284.3</v>
      </c>
    </row>
    <row r="65" spans="1:13" x14ac:dyDescent="0.25">
      <c r="A65" s="2" t="s">
        <v>121</v>
      </c>
      <c r="B65" s="4" t="s">
        <v>455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  <c r="J65" s="12">
        <v>0</v>
      </c>
      <c r="K65" s="12">
        <v>0</v>
      </c>
      <c r="L65" s="12">
        <v>0</v>
      </c>
      <c r="M65" s="12">
        <v>0</v>
      </c>
    </row>
    <row r="66" spans="1:13" x14ac:dyDescent="0.25">
      <c r="A66" s="2" t="s">
        <v>122</v>
      </c>
      <c r="B66" s="4" t="s">
        <v>430</v>
      </c>
      <c r="C66" s="12">
        <v>1031000</v>
      </c>
      <c r="D66" s="12">
        <v>362842</v>
      </c>
      <c r="E66" s="12">
        <v>-88389.72</v>
      </c>
      <c r="F66" s="12">
        <v>95488.41</v>
      </c>
      <c r="G66" s="12">
        <v>0</v>
      </c>
      <c r="H66" s="12">
        <v>267353.59000000003</v>
      </c>
      <c r="I66" s="12">
        <v>15936.87</v>
      </c>
      <c r="J66" s="12">
        <v>26777.32</v>
      </c>
      <c r="K66" s="12">
        <v>0</v>
      </c>
      <c r="L66" s="12">
        <v>336064.68</v>
      </c>
      <c r="M66" s="12">
        <v>68711.09</v>
      </c>
    </row>
    <row r="67" spans="1:13" x14ac:dyDescent="0.25">
      <c r="A67" s="2" t="s">
        <v>123</v>
      </c>
      <c r="B67" s="4" t="s">
        <v>446</v>
      </c>
      <c r="C67" s="12">
        <v>388700</v>
      </c>
      <c r="D67" s="12">
        <v>394089</v>
      </c>
      <c r="E67" s="12">
        <v>66303.75</v>
      </c>
      <c r="F67" s="12">
        <v>394086.7</v>
      </c>
      <c r="G67" s="12">
        <v>0</v>
      </c>
      <c r="H67" s="12">
        <v>2.2999999999999998</v>
      </c>
      <c r="I67" s="12">
        <v>66303.75</v>
      </c>
      <c r="J67" s="12">
        <v>394086.7</v>
      </c>
      <c r="K67" s="12">
        <v>0</v>
      </c>
      <c r="L67" s="12">
        <v>2.2999999999999998</v>
      </c>
      <c r="M67" s="12">
        <v>0</v>
      </c>
    </row>
    <row r="68" spans="1:13" x14ac:dyDescent="0.25">
      <c r="A68" s="3" t="s">
        <v>124</v>
      </c>
      <c r="B68" s="5" t="s">
        <v>456</v>
      </c>
      <c r="C68" s="11">
        <v>10527800</v>
      </c>
      <c r="D68" s="11">
        <v>22611456.579999998</v>
      </c>
      <c r="E68" s="11">
        <v>3121265.55</v>
      </c>
      <c r="F68" s="11">
        <v>13175752.33</v>
      </c>
      <c r="G68" s="11">
        <v>7.0000000000000007E-2</v>
      </c>
      <c r="H68" s="11">
        <v>9435704.25</v>
      </c>
      <c r="I68" s="11">
        <v>3231549.85</v>
      </c>
      <c r="J68" s="11">
        <v>12508389.42</v>
      </c>
      <c r="K68" s="11">
        <v>7.0000000000000007E-2</v>
      </c>
      <c r="L68" s="11">
        <v>10103067.16</v>
      </c>
      <c r="M68" s="11">
        <v>667362.91</v>
      </c>
    </row>
    <row r="69" spans="1:13" x14ac:dyDescent="0.25">
      <c r="A69" s="2" t="s">
        <v>125</v>
      </c>
      <c r="B69" s="4" t="s">
        <v>423</v>
      </c>
      <c r="C69" s="12">
        <v>10178200</v>
      </c>
      <c r="D69" s="12">
        <v>21718356.579999998</v>
      </c>
      <c r="E69" s="12">
        <v>3110959.8</v>
      </c>
      <c r="F69" s="12">
        <v>13114500.369999999</v>
      </c>
      <c r="G69" s="12">
        <v>7.0000000000000007E-2</v>
      </c>
      <c r="H69" s="12">
        <v>8603856.2100000009</v>
      </c>
      <c r="I69" s="12">
        <v>3221244.1</v>
      </c>
      <c r="J69" s="12">
        <v>12447137.460000001</v>
      </c>
      <c r="K69" s="12">
        <v>7.0000000000000007E-2</v>
      </c>
      <c r="L69" s="12">
        <v>9271219.1199999992</v>
      </c>
      <c r="M69" s="12">
        <v>667362.91</v>
      </c>
    </row>
    <row r="70" spans="1:13" x14ac:dyDescent="0.25">
      <c r="A70" s="2" t="s">
        <v>126</v>
      </c>
      <c r="B70" s="4" t="s">
        <v>457</v>
      </c>
      <c r="C70" s="12">
        <v>289300</v>
      </c>
      <c r="D70" s="12">
        <v>824300</v>
      </c>
      <c r="E70" s="12">
        <v>0</v>
      </c>
      <c r="F70" s="12">
        <v>0</v>
      </c>
      <c r="G70" s="12">
        <v>0</v>
      </c>
      <c r="H70" s="12">
        <v>824300</v>
      </c>
      <c r="I70" s="12">
        <v>0</v>
      </c>
      <c r="J70" s="12">
        <v>0</v>
      </c>
      <c r="K70" s="12">
        <v>0</v>
      </c>
      <c r="L70" s="12">
        <v>824300</v>
      </c>
      <c r="M70" s="12">
        <v>0</v>
      </c>
    </row>
    <row r="71" spans="1:13" x14ac:dyDescent="0.25">
      <c r="A71" s="2" t="s">
        <v>127</v>
      </c>
      <c r="B71" s="4" t="s">
        <v>446</v>
      </c>
      <c r="C71" s="12">
        <v>60300</v>
      </c>
      <c r="D71" s="12">
        <v>68800</v>
      </c>
      <c r="E71" s="12">
        <v>10305.75</v>
      </c>
      <c r="F71" s="12">
        <v>61251.96</v>
      </c>
      <c r="G71" s="12">
        <v>0</v>
      </c>
      <c r="H71" s="12">
        <v>7548.04</v>
      </c>
      <c r="I71" s="12">
        <v>10305.75</v>
      </c>
      <c r="J71" s="12">
        <v>61251.96</v>
      </c>
      <c r="K71" s="12">
        <v>0</v>
      </c>
      <c r="L71" s="12">
        <v>7548.04</v>
      </c>
      <c r="M71" s="12">
        <v>0</v>
      </c>
    </row>
    <row r="72" spans="1:13" x14ac:dyDescent="0.25">
      <c r="A72" s="3" t="s">
        <v>129</v>
      </c>
      <c r="B72" s="5" t="s">
        <v>458</v>
      </c>
      <c r="C72" s="11">
        <v>1951359600</v>
      </c>
      <c r="D72" s="11">
        <v>2346218018.0599999</v>
      </c>
      <c r="E72" s="11">
        <v>456180539.67000002</v>
      </c>
      <c r="F72" s="11">
        <v>2082957531.8800001</v>
      </c>
      <c r="G72" s="11">
        <v>11.19</v>
      </c>
      <c r="H72" s="11">
        <v>263260486.18000001</v>
      </c>
      <c r="I72" s="11">
        <v>416767225.58999997</v>
      </c>
      <c r="J72" s="11">
        <v>1891872912.02</v>
      </c>
      <c r="K72" s="11">
        <v>10.72</v>
      </c>
      <c r="L72" s="11">
        <v>454345106.04000002</v>
      </c>
      <c r="M72" s="11">
        <v>191084619.86000001</v>
      </c>
    </row>
    <row r="73" spans="1:13" x14ac:dyDescent="0.25">
      <c r="A73" s="2" t="s">
        <v>131</v>
      </c>
      <c r="B73" s="4" t="s">
        <v>423</v>
      </c>
      <c r="C73" s="12">
        <v>1479256100</v>
      </c>
      <c r="D73" s="12">
        <v>1675289258.0599999</v>
      </c>
      <c r="E73" s="12">
        <v>352668619.31999999</v>
      </c>
      <c r="F73" s="12">
        <v>1639532813.77</v>
      </c>
      <c r="G73" s="12">
        <v>8.81</v>
      </c>
      <c r="H73" s="12">
        <v>35756444.289999999</v>
      </c>
      <c r="I73" s="12">
        <v>356739213.72000003</v>
      </c>
      <c r="J73" s="12">
        <v>1625163483.3299999</v>
      </c>
      <c r="K73" s="12">
        <v>9.2100000000000009</v>
      </c>
      <c r="L73" s="12">
        <v>50125774.729999997</v>
      </c>
      <c r="M73" s="12">
        <v>14369330.439999999</v>
      </c>
    </row>
    <row r="74" spans="1:13" x14ac:dyDescent="0.25">
      <c r="A74" s="2" t="s">
        <v>133</v>
      </c>
      <c r="B74" s="4" t="s">
        <v>459</v>
      </c>
      <c r="C74" s="12">
        <v>10570400</v>
      </c>
      <c r="D74" s="12">
        <v>7095446</v>
      </c>
      <c r="E74" s="12">
        <v>188108.4</v>
      </c>
      <c r="F74" s="12">
        <v>5195963.03</v>
      </c>
      <c r="G74" s="12">
        <v>0.03</v>
      </c>
      <c r="H74" s="12">
        <v>1899482.97</v>
      </c>
      <c r="I74" s="12">
        <v>4176626.4</v>
      </c>
      <c r="J74" s="12">
        <v>5195963.03</v>
      </c>
      <c r="K74" s="12">
        <v>0.03</v>
      </c>
      <c r="L74" s="12">
        <v>1899482.97</v>
      </c>
      <c r="M74" s="12">
        <v>0</v>
      </c>
    </row>
    <row r="75" spans="1:13" x14ac:dyDescent="0.25">
      <c r="A75" s="2" t="s">
        <v>135</v>
      </c>
      <c r="B75" s="4" t="s">
        <v>460</v>
      </c>
      <c r="C75" s="12">
        <v>21377600</v>
      </c>
      <c r="D75" s="12">
        <v>19563993</v>
      </c>
      <c r="E75" s="12">
        <v>-4525</v>
      </c>
      <c r="F75" s="12">
        <v>17517959.43</v>
      </c>
      <c r="G75" s="12">
        <v>0.09</v>
      </c>
      <c r="H75" s="12">
        <v>2046033.57</v>
      </c>
      <c r="I75" s="12">
        <v>3231924</v>
      </c>
      <c r="J75" s="12">
        <v>17094107.530000001</v>
      </c>
      <c r="K75" s="12">
        <v>0.1</v>
      </c>
      <c r="L75" s="12">
        <v>2469885.4700000002</v>
      </c>
      <c r="M75" s="12">
        <v>423851.9</v>
      </c>
    </row>
    <row r="76" spans="1:13" x14ac:dyDescent="0.25">
      <c r="A76" s="2" t="s">
        <v>137</v>
      </c>
      <c r="B76" s="4" t="s">
        <v>461</v>
      </c>
      <c r="C76" s="12">
        <v>52575300</v>
      </c>
      <c r="D76" s="12">
        <v>43485910</v>
      </c>
      <c r="E76" s="12">
        <v>62151.97</v>
      </c>
      <c r="F76" s="12">
        <v>3518824.47</v>
      </c>
      <c r="G76" s="12">
        <v>0.02</v>
      </c>
      <c r="H76" s="12">
        <v>39967085.530000001</v>
      </c>
      <c r="I76" s="12">
        <v>729576.45</v>
      </c>
      <c r="J76" s="12">
        <v>3444784.47</v>
      </c>
      <c r="K76" s="12">
        <v>0.02</v>
      </c>
      <c r="L76" s="12">
        <v>40041125.530000001</v>
      </c>
      <c r="M76" s="12">
        <v>74040</v>
      </c>
    </row>
    <row r="77" spans="1:13" x14ac:dyDescent="0.25">
      <c r="A77" s="2" t="s">
        <v>139</v>
      </c>
      <c r="B77" s="4" t="s">
        <v>445</v>
      </c>
      <c r="C77" s="12">
        <v>28482800</v>
      </c>
      <c r="D77" s="12">
        <v>27900270</v>
      </c>
      <c r="E77" s="12">
        <v>2630630.5499999998</v>
      </c>
      <c r="F77" s="12">
        <v>12536779.060000001</v>
      </c>
      <c r="G77" s="12">
        <v>7.0000000000000007E-2</v>
      </c>
      <c r="H77" s="12">
        <v>15363490.939999999</v>
      </c>
      <c r="I77" s="12">
        <v>2098559.37</v>
      </c>
      <c r="J77" s="12">
        <v>9693398.6099999994</v>
      </c>
      <c r="K77" s="12">
        <v>0.05</v>
      </c>
      <c r="L77" s="12">
        <v>18206871.390000001</v>
      </c>
      <c r="M77" s="12">
        <v>2843380.45</v>
      </c>
    </row>
    <row r="78" spans="1:13" x14ac:dyDescent="0.25">
      <c r="A78" s="2" t="s">
        <v>141</v>
      </c>
      <c r="B78" s="4" t="s">
        <v>462</v>
      </c>
      <c r="C78" s="12">
        <v>4316600</v>
      </c>
      <c r="D78" s="12">
        <v>2861300</v>
      </c>
      <c r="E78" s="12">
        <v>0</v>
      </c>
      <c r="F78" s="12">
        <v>0</v>
      </c>
      <c r="G78" s="12">
        <v>0</v>
      </c>
      <c r="H78" s="12">
        <v>2861300</v>
      </c>
      <c r="I78" s="12">
        <v>0</v>
      </c>
      <c r="J78" s="12">
        <v>0</v>
      </c>
      <c r="K78" s="12">
        <v>0</v>
      </c>
      <c r="L78" s="12">
        <v>2861300</v>
      </c>
      <c r="M78" s="12">
        <v>0</v>
      </c>
    </row>
    <row r="79" spans="1:13" x14ac:dyDescent="0.25">
      <c r="A79" s="2" t="s">
        <v>143</v>
      </c>
      <c r="B79" s="4" t="s">
        <v>463</v>
      </c>
      <c r="C79" s="12">
        <v>13712900</v>
      </c>
      <c r="D79" s="12">
        <v>12633184</v>
      </c>
      <c r="E79" s="12">
        <v>1617689.21</v>
      </c>
      <c r="F79" s="12">
        <v>9642498.2799999993</v>
      </c>
      <c r="G79" s="12">
        <v>0.05</v>
      </c>
      <c r="H79" s="12">
        <v>2990685.72</v>
      </c>
      <c r="I79" s="12">
        <v>2464701.46</v>
      </c>
      <c r="J79" s="12">
        <v>9191675.9299999997</v>
      </c>
      <c r="K79" s="12">
        <v>0.05</v>
      </c>
      <c r="L79" s="12">
        <v>3441508.07</v>
      </c>
      <c r="M79" s="12">
        <v>450822.35</v>
      </c>
    </row>
    <row r="80" spans="1:13" x14ac:dyDescent="0.25">
      <c r="A80" s="2" t="s">
        <v>145</v>
      </c>
      <c r="B80" s="4" t="s">
        <v>464</v>
      </c>
      <c r="C80" s="12">
        <v>319908600</v>
      </c>
      <c r="D80" s="12">
        <v>531055957</v>
      </c>
      <c r="E80" s="12">
        <v>95347060.310000002</v>
      </c>
      <c r="F80" s="12">
        <v>378172436.91000003</v>
      </c>
      <c r="G80" s="12">
        <v>2.0299999999999998</v>
      </c>
      <c r="H80" s="12">
        <v>152883520.09</v>
      </c>
      <c r="I80" s="12">
        <v>45206984.719999999</v>
      </c>
      <c r="J80" s="12">
        <v>207644009.49000001</v>
      </c>
      <c r="K80" s="12">
        <v>1.18</v>
      </c>
      <c r="L80" s="12">
        <v>323411947.50999999</v>
      </c>
      <c r="M80" s="12">
        <v>170528427.41999999</v>
      </c>
    </row>
    <row r="81" spans="1:13" x14ac:dyDescent="0.25">
      <c r="A81" s="2" t="s">
        <v>147</v>
      </c>
      <c r="B81" s="4" t="s">
        <v>465</v>
      </c>
      <c r="C81" s="12">
        <v>10888300</v>
      </c>
      <c r="D81" s="12">
        <v>16061700</v>
      </c>
      <c r="E81" s="12">
        <v>2237814.5</v>
      </c>
      <c r="F81" s="12">
        <v>8201117.6299999999</v>
      </c>
      <c r="G81" s="12">
        <v>0.04</v>
      </c>
      <c r="H81" s="12">
        <v>7860582.3700000001</v>
      </c>
      <c r="I81" s="12">
        <v>686649.06</v>
      </c>
      <c r="J81" s="12">
        <v>5806350.3300000001</v>
      </c>
      <c r="K81" s="12">
        <v>0.03</v>
      </c>
      <c r="L81" s="12">
        <v>10255349.67</v>
      </c>
      <c r="M81" s="12">
        <v>2394767.2999999998</v>
      </c>
    </row>
    <row r="82" spans="1:13" x14ac:dyDescent="0.25">
      <c r="A82" s="2" t="s">
        <v>149</v>
      </c>
      <c r="B82" s="4" t="s">
        <v>446</v>
      </c>
      <c r="C82" s="12">
        <v>10271000</v>
      </c>
      <c r="D82" s="12">
        <v>10271000</v>
      </c>
      <c r="E82" s="12">
        <v>1432990.41</v>
      </c>
      <c r="F82" s="12">
        <v>8639139.3000000007</v>
      </c>
      <c r="G82" s="12">
        <v>0.05</v>
      </c>
      <c r="H82" s="12">
        <v>1631860.7</v>
      </c>
      <c r="I82" s="12">
        <v>1432990.41</v>
      </c>
      <c r="J82" s="12">
        <v>8639139.3000000007</v>
      </c>
      <c r="K82" s="12">
        <v>0.05</v>
      </c>
      <c r="L82" s="12">
        <v>1631860.7</v>
      </c>
      <c r="M82" s="12">
        <v>0</v>
      </c>
    </row>
    <row r="83" spans="1:13" x14ac:dyDescent="0.25">
      <c r="A83" s="3" t="s">
        <v>151</v>
      </c>
      <c r="B83" s="5" t="s">
        <v>466</v>
      </c>
      <c r="C83" s="11">
        <v>45372700</v>
      </c>
      <c r="D83" s="11">
        <v>96401235.109999999</v>
      </c>
      <c r="E83" s="11">
        <v>11101775.880000001</v>
      </c>
      <c r="F83" s="11">
        <v>66117185.020000003</v>
      </c>
      <c r="G83" s="11">
        <v>0.35</v>
      </c>
      <c r="H83" s="11">
        <v>30284050.09</v>
      </c>
      <c r="I83" s="11">
        <v>17254237.16</v>
      </c>
      <c r="J83" s="11">
        <v>59720350.869999997</v>
      </c>
      <c r="K83" s="11">
        <v>0.33</v>
      </c>
      <c r="L83" s="11">
        <v>36680884.240000002</v>
      </c>
      <c r="M83" s="11">
        <v>6396834.1500000004</v>
      </c>
    </row>
    <row r="84" spans="1:13" x14ac:dyDescent="0.25">
      <c r="A84" s="2" t="s">
        <v>152</v>
      </c>
      <c r="B84" s="4" t="s">
        <v>423</v>
      </c>
      <c r="C84" s="12">
        <v>21707800</v>
      </c>
      <c r="D84" s="12">
        <v>14560183.109999999</v>
      </c>
      <c r="E84" s="12">
        <v>2170987.0499999998</v>
      </c>
      <c r="F84" s="12">
        <v>13087066.83</v>
      </c>
      <c r="G84" s="12">
        <v>7.0000000000000007E-2</v>
      </c>
      <c r="H84" s="12">
        <v>1473116.28</v>
      </c>
      <c r="I84" s="12">
        <v>1940960.62</v>
      </c>
      <c r="J84" s="12">
        <v>12593049.539999999</v>
      </c>
      <c r="K84" s="12">
        <v>7.0000000000000007E-2</v>
      </c>
      <c r="L84" s="12">
        <v>1967133.57</v>
      </c>
      <c r="M84" s="12">
        <v>494017.29</v>
      </c>
    </row>
    <row r="85" spans="1:13" x14ac:dyDescent="0.25">
      <c r="A85" s="2" t="s">
        <v>153</v>
      </c>
      <c r="B85" s="4" t="s">
        <v>467</v>
      </c>
      <c r="C85" s="12">
        <v>12000000</v>
      </c>
      <c r="D85" s="12">
        <v>14475284.380000001</v>
      </c>
      <c r="E85" s="12">
        <v>-1664353.44</v>
      </c>
      <c r="F85" s="12">
        <v>582186.76</v>
      </c>
      <c r="G85" s="12">
        <v>0</v>
      </c>
      <c r="H85" s="12">
        <v>13893097.619999999</v>
      </c>
      <c r="I85" s="12">
        <v>459980.35</v>
      </c>
      <c r="J85" s="12">
        <v>582186.76</v>
      </c>
      <c r="K85" s="12">
        <v>0</v>
      </c>
      <c r="L85" s="12">
        <v>13893097.619999999</v>
      </c>
      <c r="M85" s="12">
        <v>0</v>
      </c>
    </row>
    <row r="86" spans="1:13" x14ac:dyDescent="0.25">
      <c r="A86" s="2" t="s">
        <v>155</v>
      </c>
      <c r="B86" s="4" t="s">
        <v>468</v>
      </c>
      <c r="C86" s="12">
        <v>11654900</v>
      </c>
      <c r="D86" s="12">
        <v>67365767.620000005</v>
      </c>
      <c r="E86" s="12">
        <v>10595142.27</v>
      </c>
      <c r="F86" s="12">
        <v>52447931.43</v>
      </c>
      <c r="G86" s="12">
        <v>0.28000000000000003</v>
      </c>
      <c r="H86" s="12">
        <v>14917836.189999999</v>
      </c>
      <c r="I86" s="12">
        <v>14853296.189999999</v>
      </c>
      <c r="J86" s="12">
        <v>46545114.57</v>
      </c>
      <c r="K86" s="12">
        <v>0.26</v>
      </c>
      <c r="L86" s="12">
        <v>20820653.050000001</v>
      </c>
      <c r="M86" s="12">
        <v>5902816.8600000003</v>
      </c>
    </row>
    <row r="87" spans="1:13" x14ac:dyDescent="0.25">
      <c r="A87" s="2" t="s">
        <v>157</v>
      </c>
      <c r="B87" s="4" t="s">
        <v>430</v>
      </c>
      <c r="C87" s="12">
        <v>10000</v>
      </c>
      <c r="D87" s="12">
        <v>0</v>
      </c>
      <c r="E87" s="12">
        <v>0</v>
      </c>
      <c r="F87" s="12">
        <v>0</v>
      </c>
      <c r="G87" s="12">
        <v>0</v>
      </c>
      <c r="H87" s="12">
        <v>0</v>
      </c>
      <c r="I87" s="12">
        <v>0</v>
      </c>
      <c r="J87" s="12">
        <v>0</v>
      </c>
      <c r="K87" s="12">
        <v>0</v>
      </c>
      <c r="L87" s="12">
        <v>0</v>
      </c>
      <c r="M87" s="12">
        <v>0</v>
      </c>
    </row>
    <row r="88" spans="1:13" x14ac:dyDescent="0.25">
      <c r="A88" s="3" t="s">
        <v>159</v>
      </c>
      <c r="B88" s="5" t="s">
        <v>469</v>
      </c>
      <c r="C88" s="11">
        <v>323239300</v>
      </c>
      <c r="D88" s="11">
        <v>384341925</v>
      </c>
      <c r="E88" s="11">
        <v>67336072.379999995</v>
      </c>
      <c r="F88" s="11">
        <v>353197841.50999999</v>
      </c>
      <c r="G88" s="11">
        <v>1.9</v>
      </c>
      <c r="H88" s="11">
        <v>31144083.489999998</v>
      </c>
      <c r="I88" s="11">
        <v>68514130.599999994</v>
      </c>
      <c r="J88" s="11">
        <v>334778392.50999999</v>
      </c>
      <c r="K88" s="11">
        <v>1.9</v>
      </c>
      <c r="L88" s="11">
        <v>49563532.490000002</v>
      </c>
      <c r="M88" s="11">
        <v>18419449</v>
      </c>
    </row>
    <row r="89" spans="1:13" x14ac:dyDescent="0.25">
      <c r="A89" s="2" t="s">
        <v>161</v>
      </c>
      <c r="B89" s="4" t="s">
        <v>434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  <c r="J89" s="12">
        <v>0</v>
      </c>
      <c r="K89" s="12">
        <v>0</v>
      </c>
      <c r="L89" s="12">
        <v>0</v>
      </c>
      <c r="M89" s="12">
        <v>0</v>
      </c>
    </row>
    <row r="90" spans="1:13" x14ac:dyDescent="0.25">
      <c r="A90" s="2" t="s">
        <v>163</v>
      </c>
      <c r="B90" s="4" t="s">
        <v>441</v>
      </c>
      <c r="C90" s="12">
        <v>313369500</v>
      </c>
      <c r="D90" s="12">
        <v>368779220</v>
      </c>
      <c r="E90" s="12">
        <v>67074743.729999997</v>
      </c>
      <c r="F90" s="12">
        <v>344245487.75999999</v>
      </c>
      <c r="G90" s="12">
        <v>1.85</v>
      </c>
      <c r="H90" s="12">
        <v>24533732.239999998</v>
      </c>
      <c r="I90" s="12">
        <v>63395707.75</v>
      </c>
      <c r="J90" s="12">
        <v>325867701.32999998</v>
      </c>
      <c r="K90" s="12">
        <v>1.85</v>
      </c>
      <c r="L90" s="12">
        <v>42911518.670000002</v>
      </c>
      <c r="M90" s="12">
        <v>18377786.43</v>
      </c>
    </row>
    <row r="91" spans="1:13" x14ac:dyDescent="0.25">
      <c r="A91" s="2" t="s">
        <v>178</v>
      </c>
      <c r="B91" s="4" t="s">
        <v>430</v>
      </c>
      <c r="C91" s="12">
        <v>9340000</v>
      </c>
      <c r="D91" s="12">
        <v>15032905</v>
      </c>
      <c r="E91" s="12">
        <v>261328.65</v>
      </c>
      <c r="F91" s="12">
        <v>8952353.75</v>
      </c>
      <c r="G91" s="12">
        <v>0.05</v>
      </c>
      <c r="H91" s="12">
        <v>6080551.25</v>
      </c>
      <c r="I91" s="12">
        <v>5118422.8499999996</v>
      </c>
      <c r="J91" s="12">
        <v>8910691.1799999997</v>
      </c>
      <c r="K91" s="12">
        <v>0.05</v>
      </c>
      <c r="L91" s="12">
        <v>6122213.8200000003</v>
      </c>
      <c r="M91" s="12">
        <v>41662.57</v>
      </c>
    </row>
    <row r="92" spans="1:13" x14ac:dyDescent="0.25">
      <c r="A92" s="2" t="s">
        <v>180</v>
      </c>
      <c r="B92" s="4" t="s">
        <v>470</v>
      </c>
      <c r="C92" s="12">
        <v>529800</v>
      </c>
      <c r="D92" s="12">
        <v>529800</v>
      </c>
      <c r="E92" s="12">
        <v>0</v>
      </c>
      <c r="F92" s="12">
        <v>0</v>
      </c>
      <c r="G92" s="12">
        <v>0</v>
      </c>
      <c r="H92" s="12">
        <v>529800</v>
      </c>
      <c r="I92" s="12">
        <v>0</v>
      </c>
      <c r="J92" s="12">
        <v>0</v>
      </c>
      <c r="K92" s="12">
        <v>0</v>
      </c>
      <c r="L92" s="12">
        <v>529800</v>
      </c>
      <c r="M92" s="12">
        <v>0</v>
      </c>
    </row>
    <row r="93" spans="1:13" x14ac:dyDescent="0.25">
      <c r="A93" s="3" t="s">
        <v>182</v>
      </c>
      <c r="B93" s="5" t="s">
        <v>471</v>
      </c>
      <c r="C93" s="11">
        <v>0</v>
      </c>
      <c r="D93" s="11">
        <v>0</v>
      </c>
      <c r="E93" s="11">
        <v>0</v>
      </c>
      <c r="F93" s="11">
        <v>0</v>
      </c>
      <c r="G93" s="11">
        <v>0</v>
      </c>
      <c r="H93" s="11">
        <v>0</v>
      </c>
      <c r="I93" s="11">
        <v>0</v>
      </c>
      <c r="J93" s="11">
        <v>0</v>
      </c>
      <c r="K93" s="11">
        <v>0</v>
      </c>
      <c r="L93" s="11">
        <v>0</v>
      </c>
      <c r="M93" s="11">
        <v>0</v>
      </c>
    </row>
    <row r="94" spans="1:13" x14ac:dyDescent="0.25">
      <c r="A94" s="2" t="s">
        <v>184</v>
      </c>
      <c r="B94" s="4" t="s">
        <v>472</v>
      </c>
      <c r="C94" s="12">
        <v>0</v>
      </c>
      <c r="D94" s="12">
        <v>0</v>
      </c>
      <c r="E94" s="12">
        <v>0</v>
      </c>
      <c r="F94" s="12">
        <v>0</v>
      </c>
      <c r="G94" s="12">
        <v>0</v>
      </c>
      <c r="H94" s="12">
        <v>0</v>
      </c>
      <c r="I94" s="12">
        <v>0</v>
      </c>
      <c r="J94" s="12">
        <v>0</v>
      </c>
      <c r="K94" s="12">
        <v>0</v>
      </c>
      <c r="L94" s="12">
        <v>0</v>
      </c>
      <c r="M94" s="12">
        <v>0</v>
      </c>
    </row>
    <row r="95" spans="1:13" x14ac:dyDescent="0.25">
      <c r="A95" s="3" t="s">
        <v>186</v>
      </c>
      <c r="B95" s="5" t="s">
        <v>473</v>
      </c>
      <c r="C95" s="11">
        <v>24190000</v>
      </c>
      <c r="D95" s="11">
        <v>78446875</v>
      </c>
      <c r="E95" s="11">
        <v>-3894239.57</v>
      </c>
      <c r="F95" s="11">
        <v>31431113.870000001</v>
      </c>
      <c r="G95" s="11">
        <v>0.16</v>
      </c>
      <c r="H95" s="11">
        <v>47015761.130000003</v>
      </c>
      <c r="I95" s="11">
        <v>7831138.3499999996</v>
      </c>
      <c r="J95" s="11">
        <v>31004472.73</v>
      </c>
      <c r="K95" s="11">
        <v>0.18</v>
      </c>
      <c r="L95" s="11">
        <v>47442402.270000003</v>
      </c>
      <c r="M95" s="11">
        <v>426641.14</v>
      </c>
    </row>
    <row r="96" spans="1:13" x14ac:dyDescent="0.25">
      <c r="A96" s="2" t="s">
        <v>188</v>
      </c>
      <c r="B96" s="4" t="s">
        <v>423</v>
      </c>
      <c r="C96" s="12">
        <v>11935800</v>
      </c>
      <c r="D96" s="12">
        <v>14666797</v>
      </c>
      <c r="E96" s="12">
        <v>1704332.32</v>
      </c>
      <c r="F96" s="12">
        <v>10216649.060000001</v>
      </c>
      <c r="G96" s="12">
        <v>0.05</v>
      </c>
      <c r="H96" s="12">
        <v>4450147.9400000004</v>
      </c>
      <c r="I96" s="12">
        <v>2151066.09</v>
      </c>
      <c r="J96" s="12">
        <v>9790007.9199999999</v>
      </c>
      <c r="K96" s="12">
        <v>0.06</v>
      </c>
      <c r="L96" s="12">
        <v>4876789.08</v>
      </c>
      <c r="M96" s="12">
        <v>426641.14</v>
      </c>
    </row>
    <row r="97" spans="1:13" x14ac:dyDescent="0.25">
      <c r="A97" s="2" t="s">
        <v>190</v>
      </c>
      <c r="B97" s="4" t="s">
        <v>432</v>
      </c>
      <c r="C97" s="12">
        <v>1000</v>
      </c>
      <c r="D97" s="12">
        <v>1000</v>
      </c>
      <c r="E97" s="12">
        <v>0</v>
      </c>
      <c r="F97" s="12">
        <v>0</v>
      </c>
      <c r="G97" s="12">
        <v>0</v>
      </c>
      <c r="H97" s="12">
        <v>1000</v>
      </c>
      <c r="I97" s="12">
        <v>0</v>
      </c>
      <c r="J97" s="12">
        <v>0</v>
      </c>
      <c r="K97" s="12">
        <v>0</v>
      </c>
      <c r="L97" s="12">
        <v>1000</v>
      </c>
      <c r="M97" s="12">
        <v>0</v>
      </c>
    </row>
    <row r="98" spans="1:13" x14ac:dyDescent="0.25">
      <c r="A98" s="2" t="s">
        <v>192</v>
      </c>
      <c r="B98" s="4" t="s">
        <v>474</v>
      </c>
      <c r="C98" s="12">
        <v>12253200</v>
      </c>
      <c r="D98" s="12">
        <v>63779078</v>
      </c>
      <c r="E98" s="12">
        <v>-5598571.8899999997</v>
      </c>
      <c r="F98" s="12">
        <v>21214464.809999999</v>
      </c>
      <c r="G98" s="12">
        <v>0.11</v>
      </c>
      <c r="H98" s="12">
        <v>42564613.189999998</v>
      </c>
      <c r="I98" s="12">
        <v>5680072.2599999998</v>
      </c>
      <c r="J98" s="12">
        <v>21214464.809999999</v>
      </c>
      <c r="K98" s="12">
        <v>0.12</v>
      </c>
      <c r="L98" s="12">
        <v>42564613.189999998</v>
      </c>
      <c r="M98" s="12">
        <v>0</v>
      </c>
    </row>
    <row r="99" spans="1:13" x14ac:dyDescent="0.25">
      <c r="A99" s="3" t="s">
        <v>194</v>
      </c>
      <c r="B99" s="5" t="s">
        <v>475</v>
      </c>
      <c r="C99" s="11">
        <v>124351000</v>
      </c>
      <c r="D99" s="11">
        <v>52531791</v>
      </c>
      <c r="E99" s="11">
        <v>10046136.060000001</v>
      </c>
      <c r="F99" s="11">
        <v>37929626.890000001</v>
      </c>
      <c r="G99" s="11">
        <v>0.2</v>
      </c>
      <c r="H99" s="11">
        <v>14602164.109999999</v>
      </c>
      <c r="I99" s="11">
        <v>5154871.22</v>
      </c>
      <c r="J99" s="11">
        <v>14810741.689999999</v>
      </c>
      <c r="K99" s="11">
        <v>0.08</v>
      </c>
      <c r="L99" s="11">
        <v>37721049.310000002</v>
      </c>
      <c r="M99" s="11">
        <v>23118885.199999999</v>
      </c>
    </row>
    <row r="100" spans="1:13" x14ac:dyDescent="0.25">
      <c r="A100" s="2" t="s">
        <v>196</v>
      </c>
      <c r="B100" s="4" t="s">
        <v>476</v>
      </c>
      <c r="C100" s="12">
        <v>124351000</v>
      </c>
      <c r="D100" s="12">
        <v>52531791</v>
      </c>
      <c r="E100" s="12">
        <v>10046136.060000001</v>
      </c>
      <c r="F100" s="12">
        <v>37929626.890000001</v>
      </c>
      <c r="G100" s="12">
        <v>0.2</v>
      </c>
      <c r="H100" s="12">
        <v>14602164.109999999</v>
      </c>
      <c r="I100" s="12">
        <v>5154871.22</v>
      </c>
      <c r="J100" s="12">
        <v>14810741.689999999</v>
      </c>
      <c r="K100" s="12">
        <v>0.08</v>
      </c>
      <c r="L100" s="12">
        <v>37721049.310000002</v>
      </c>
      <c r="M100" s="12">
        <v>23118885.199999999</v>
      </c>
    </row>
    <row r="101" spans="1:13" x14ac:dyDescent="0.25">
      <c r="A101" s="3" t="s">
        <v>198</v>
      </c>
      <c r="B101" s="5" t="s">
        <v>477</v>
      </c>
      <c r="C101" s="11">
        <v>92111000</v>
      </c>
      <c r="D101" s="11">
        <v>224097375.46000001</v>
      </c>
      <c r="E101" s="11">
        <v>-17784413.550000001</v>
      </c>
      <c r="F101" s="11">
        <v>143059206.71000001</v>
      </c>
      <c r="G101" s="11">
        <v>0.77</v>
      </c>
      <c r="H101" s="11">
        <v>81038168.75</v>
      </c>
      <c r="I101" s="11">
        <v>43674902.840000004</v>
      </c>
      <c r="J101" s="11">
        <v>138597817.16</v>
      </c>
      <c r="K101" s="11">
        <v>0.79</v>
      </c>
      <c r="L101" s="11">
        <v>85499558.299999997</v>
      </c>
      <c r="M101" s="11">
        <v>4461389.55</v>
      </c>
    </row>
    <row r="102" spans="1:13" x14ac:dyDescent="0.25">
      <c r="A102" s="2" t="s">
        <v>200</v>
      </c>
      <c r="B102" s="4" t="s">
        <v>423</v>
      </c>
      <c r="C102" s="12">
        <v>44872400</v>
      </c>
      <c r="D102" s="12">
        <v>52804389.460000001</v>
      </c>
      <c r="E102" s="12">
        <v>6979917.8600000003</v>
      </c>
      <c r="F102" s="12">
        <v>30179651.949999999</v>
      </c>
      <c r="G102" s="12">
        <v>0.16</v>
      </c>
      <c r="H102" s="12">
        <v>22624737.510000002</v>
      </c>
      <c r="I102" s="12">
        <v>7095113.5700000003</v>
      </c>
      <c r="J102" s="12">
        <v>29583157.41</v>
      </c>
      <c r="K102" s="12">
        <v>0.17</v>
      </c>
      <c r="L102" s="12">
        <v>23221232.050000001</v>
      </c>
      <c r="M102" s="12">
        <v>596494.54</v>
      </c>
    </row>
    <row r="103" spans="1:13" x14ac:dyDescent="0.25">
      <c r="A103" s="2" t="s">
        <v>202</v>
      </c>
      <c r="B103" s="4" t="s">
        <v>438</v>
      </c>
      <c r="C103" s="12">
        <v>5000000</v>
      </c>
      <c r="D103" s="12">
        <v>7479200</v>
      </c>
      <c r="E103" s="12">
        <v>445144.72</v>
      </c>
      <c r="F103" s="12">
        <v>4977146.2</v>
      </c>
      <c r="G103" s="12">
        <v>0.03</v>
      </c>
      <c r="H103" s="12">
        <v>2502053.7999999998</v>
      </c>
      <c r="I103" s="12">
        <v>1486692.37</v>
      </c>
      <c r="J103" s="12">
        <v>3350183.49</v>
      </c>
      <c r="K103" s="12">
        <v>0.02</v>
      </c>
      <c r="L103" s="12">
        <v>4129016.51</v>
      </c>
      <c r="M103" s="12">
        <v>1626962.71</v>
      </c>
    </row>
    <row r="104" spans="1:13" x14ac:dyDescent="0.25">
      <c r="A104" s="2" t="s">
        <v>204</v>
      </c>
      <c r="B104" s="4" t="s">
        <v>478</v>
      </c>
      <c r="C104" s="12">
        <v>37620100</v>
      </c>
      <c r="D104" s="12">
        <v>156245400</v>
      </c>
      <c r="E104" s="12">
        <v>-26880976.859999999</v>
      </c>
      <c r="F104" s="12">
        <v>105131751.66</v>
      </c>
      <c r="G104" s="12">
        <v>0.56999999999999995</v>
      </c>
      <c r="H104" s="12">
        <v>51113648.340000004</v>
      </c>
      <c r="I104" s="12">
        <v>33285248.07</v>
      </c>
      <c r="J104" s="12">
        <v>102987219.36</v>
      </c>
      <c r="K104" s="12">
        <v>0.57999999999999996</v>
      </c>
      <c r="L104" s="12">
        <v>53258180.640000001</v>
      </c>
      <c r="M104" s="12">
        <v>2144532.2999999998</v>
      </c>
    </row>
    <row r="105" spans="1:13" x14ac:dyDescent="0.25">
      <c r="A105" s="2" t="s">
        <v>206</v>
      </c>
      <c r="B105" s="4" t="s">
        <v>479</v>
      </c>
      <c r="C105" s="12">
        <v>4306500</v>
      </c>
      <c r="D105" s="12">
        <v>7256386</v>
      </c>
      <c r="E105" s="12">
        <v>1671500.73</v>
      </c>
      <c r="F105" s="12">
        <v>2770656.9</v>
      </c>
      <c r="G105" s="12">
        <v>0.01</v>
      </c>
      <c r="H105" s="12">
        <v>4485729.0999999996</v>
      </c>
      <c r="I105" s="12">
        <v>1807848.83</v>
      </c>
      <c r="J105" s="12">
        <v>2677256.9</v>
      </c>
      <c r="K105" s="12">
        <v>0.02</v>
      </c>
      <c r="L105" s="12">
        <v>4579129.0999999996</v>
      </c>
      <c r="M105" s="12">
        <v>93400</v>
      </c>
    </row>
    <row r="106" spans="1:13" x14ac:dyDescent="0.25">
      <c r="A106" s="2" t="s">
        <v>208</v>
      </c>
      <c r="B106" s="4" t="s">
        <v>480</v>
      </c>
      <c r="C106" s="12">
        <v>212000</v>
      </c>
      <c r="D106" s="12">
        <v>212000</v>
      </c>
      <c r="E106" s="12">
        <v>0</v>
      </c>
      <c r="F106" s="12">
        <v>0</v>
      </c>
      <c r="G106" s="12">
        <v>0</v>
      </c>
      <c r="H106" s="12">
        <v>212000</v>
      </c>
      <c r="I106" s="12">
        <v>0</v>
      </c>
      <c r="J106" s="12">
        <v>0</v>
      </c>
      <c r="K106" s="12">
        <v>0</v>
      </c>
      <c r="L106" s="12">
        <v>212000</v>
      </c>
      <c r="M106" s="12">
        <v>0</v>
      </c>
    </row>
    <row r="107" spans="1:13" x14ac:dyDescent="0.25">
      <c r="A107" s="2" t="s">
        <v>210</v>
      </c>
      <c r="B107" s="4" t="s">
        <v>481</v>
      </c>
      <c r="C107" s="12">
        <v>100000</v>
      </c>
      <c r="D107" s="12">
        <v>100000</v>
      </c>
      <c r="E107" s="12">
        <v>0</v>
      </c>
      <c r="F107" s="12">
        <v>0</v>
      </c>
      <c r="G107" s="12">
        <v>0</v>
      </c>
      <c r="H107" s="12">
        <v>100000</v>
      </c>
      <c r="I107" s="12">
        <v>0</v>
      </c>
      <c r="J107" s="12">
        <v>0</v>
      </c>
      <c r="K107" s="12">
        <v>0</v>
      </c>
      <c r="L107" s="12">
        <v>100000</v>
      </c>
      <c r="M107" s="12">
        <v>0</v>
      </c>
    </row>
    <row r="108" spans="1:13" x14ac:dyDescent="0.25">
      <c r="A108" s="3" t="s">
        <v>212</v>
      </c>
      <c r="B108" s="5" t="s">
        <v>482</v>
      </c>
      <c r="C108" s="11">
        <v>39021400</v>
      </c>
      <c r="D108" s="11">
        <v>40030700</v>
      </c>
      <c r="E108" s="11">
        <v>13848877.140000001</v>
      </c>
      <c r="F108" s="11">
        <v>27872333.960000001</v>
      </c>
      <c r="G108" s="11">
        <v>0.15</v>
      </c>
      <c r="H108" s="11">
        <v>12158366.039999999</v>
      </c>
      <c r="I108" s="11">
        <v>4148045.14</v>
      </c>
      <c r="J108" s="11">
        <v>18072333.960000001</v>
      </c>
      <c r="K108" s="11">
        <v>0.1</v>
      </c>
      <c r="L108" s="11">
        <v>21958366.039999999</v>
      </c>
      <c r="M108" s="11">
        <v>9800000</v>
      </c>
    </row>
    <row r="109" spans="1:13" x14ac:dyDescent="0.25">
      <c r="A109" s="2" t="s">
        <v>214</v>
      </c>
      <c r="B109" s="4" t="s">
        <v>424</v>
      </c>
      <c r="C109" s="12">
        <v>200</v>
      </c>
      <c r="D109" s="12">
        <v>200</v>
      </c>
      <c r="E109" s="12">
        <v>0</v>
      </c>
      <c r="F109" s="12">
        <v>0</v>
      </c>
      <c r="G109" s="12">
        <v>0</v>
      </c>
      <c r="H109" s="12">
        <v>200</v>
      </c>
      <c r="I109" s="12">
        <v>0</v>
      </c>
      <c r="J109" s="12">
        <v>0</v>
      </c>
      <c r="K109" s="12">
        <v>0</v>
      </c>
      <c r="L109" s="12">
        <v>200</v>
      </c>
      <c r="M109" s="12">
        <v>0</v>
      </c>
    </row>
    <row r="110" spans="1:13" x14ac:dyDescent="0.25">
      <c r="A110" s="2" t="s">
        <v>216</v>
      </c>
      <c r="B110" s="4" t="s">
        <v>465</v>
      </c>
      <c r="C110" s="12">
        <v>14242500</v>
      </c>
      <c r="D110" s="12">
        <v>19070320</v>
      </c>
      <c r="E110" s="12">
        <v>10503500</v>
      </c>
      <c r="F110" s="12">
        <v>15345999.84</v>
      </c>
      <c r="G110" s="12">
        <v>0.08</v>
      </c>
      <c r="H110" s="12">
        <v>3724320.16</v>
      </c>
      <c r="I110" s="12">
        <v>793500</v>
      </c>
      <c r="J110" s="12">
        <v>5545999.8399999999</v>
      </c>
      <c r="K110" s="12">
        <v>0.03</v>
      </c>
      <c r="L110" s="12">
        <v>13524320.16</v>
      </c>
      <c r="M110" s="12">
        <v>9800000</v>
      </c>
    </row>
    <row r="111" spans="1:13" x14ac:dyDescent="0.25">
      <c r="A111" s="2" t="s">
        <v>217</v>
      </c>
      <c r="B111" s="4" t="s">
        <v>483</v>
      </c>
      <c r="C111" s="12">
        <v>24778700</v>
      </c>
      <c r="D111" s="12">
        <v>20960180</v>
      </c>
      <c r="E111" s="12">
        <v>3345377.14</v>
      </c>
      <c r="F111" s="12">
        <v>12526334.119999999</v>
      </c>
      <c r="G111" s="12">
        <v>7.0000000000000007E-2</v>
      </c>
      <c r="H111" s="12">
        <v>8433845.8800000008</v>
      </c>
      <c r="I111" s="12">
        <v>3354545.14</v>
      </c>
      <c r="J111" s="12">
        <v>12526334.119999999</v>
      </c>
      <c r="K111" s="12">
        <v>7.0000000000000007E-2</v>
      </c>
      <c r="L111" s="12">
        <v>8433845.8800000008</v>
      </c>
      <c r="M111" s="12">
        <v>0</v>
      </c>
    </row>
    <row r="112" spans="1:13" x14ac:dyDescent="0.25">
      <c r="A112" s="3" t="s">
        <v>218</v>
      </c>
      <c r="B112" s="5" t="s">
        <v>484</v>
      </c>
      <c r="C112" s="11">
        <v>266091900</v>
      </c>
      <c r="D112" s="11">
        <v>366468048</v>
      </c>
      <c r="E112" s="11">
        <v>79594958.900000006</v>
      </c>
      <c r="F112" s="11">
        <v>218467470.31999999</v>
      </c>
      <c r="G112" s="11">
        <v>1.17</v>
      </c>
      <c r="H112" s="11">
        <v>148000577.68000001</v>
      </c>
      <c r="I112" s="11">
        <v>43706037.460000001</v>
      </c>
      <c r="J112" s="11">
        <v>158694275.71000001</v>
      </c>
      <c r="K112" s="11">
        <v>0.89</v>
      </c>
      <c r="L112" s="11">
        <v>207773772.28999999</v>
      </c>
      <c r="M112" s="11">
        <v>59773194.609999999</v>
      </c>
    </row>
    <row r="113" spans="1:13" x14ac:dyDescent="0.25">
      <c r="A113" s="2" t="s">
        <v>220</v>
      </c>
      <c r="B113" s="4" t="s">
        <v>423</v>
      </c>
      <c r="C113" s="12">
        <v>121640700</v>
      </c>
      <c r="D113" s="12">
        <v>118652833</v>
      </c>
      <c r="E113" s="12">
        <v>20002029.52</v>
      </c>
      <c r="F113" s="12">
        <v>94296196.310000002</v>
      </c>
      <c r="G113" s="12">
        <v>0.51</v>
      </c>
      <c r="H113" s="12">
        <v>24356636.690000001</v>
      </c>
      <c r="I113" s="12">
        <v>20280493.829999998</v>
      </c>
      <c r="J113" s="12">
        <v>93581803.840000004</v>
      </c>
      <c r="K113" s="12">
        <v>0.53</v>
      </c>
      <c r="L113" s="12">
        <v>25071029.16</v>
      </c>
      <c r="M113" s="12">
        <v>714392.47</v>
      </c>
    </row>
    <row r="114" spans="1:13" x14ac:dyDescent="0.25">
      <c r="A114" s="2" t="s">
        <v>222</v>
      </c>
      <c r="B114" s="4" t="s">
        <v>470</v>
      </c>
      <c r="C114" s="12">
        <v>800</v>
      </c>
      <c r="D114" s="12">
        <v>7183053</v>
      </c>
      <c r="E114" s="12">
        <v>161500</v>
      </c>
      <c r="F114" s="12">
        <v>161500</v>
      </c>
      <c r="G114" s="12">
        <v>0</v>
      </c>
      <c r="H114" s="12">
        <v>7021553</v>
      </c>
      <c r="I114" s="12">
        <v>161500</v>
      </c>
      <c r="J114" s="12">
        <v>161500</v>
      </c>
      <c r="K114" s="12">
        <v>0</v>
      </c>
      <c r="L114" s="12">
        <v>7021553</v>
      </c>
      <c r="M114" s="12">
        <v>0</v>
      </c>
    </row>
    <row r="115" spans="1:13" x14ac:dyDescent="0.25">
      <c r="A115" s="2" t="s">
        <v>224</v>
      </c>
      <c r="B115" s="4" t="s">
        <v>478</v>
      </c>
      <c r="C115" s="12">
        <v>100</v>
      </c>
      <c r="D115" s="12">
        <v>72109500</v>
      </c>
      <c r="E115" s="12">
        <v>44944892.200000003</v>
      </c>
      <c r="F115" s="12">
        <v>54319492.200000003</v>
      </c>
      <c r="G115" s="12">
        <v>0.28999999999999998</v>
      </c>
      <c r="H115" s="12">
        <v>17790007.800000001</v>
      </c>
      <c r="I115" s="12">
        <v>4086330</v>
      </c>
      <c r="J115" s="12">
        <v>10985330</v>
      </c>
      <c r="K115" s="12">
        <v>0.06</v>
      </c>
      <c r="L115" s="12">
        <v>61124170</v>
      </c>
      <c r="M115" s="12">
        <v>43334162.200000003</v>
      </c>
    </row>
    <row r="116" spans="1:13" x14ac:dyDescent="0.25">
      <c r="A116" s="2" t="s">
        <v>227</v>
      </c>
      <c r="B116" s="4" t="s">
        <v>479</v>
      </c>
      <c r="C116" s="12">
        <v>100</v>
      </c>
      <c r="D116" s="12">
        <v>100</v>
      </c>
      <c r="E116" s="12">
        <v>0</v>
      </c>
      <c r="F116" s="12">
        <v>0</v>
      </c>
      <c r="G116" s="12">
        <v>0</v>
      </c>
      <c r="H116" s="12">
        <v>100</v>
      </c>
      <c r="I116" s="12">
        <v>0</v>
      </c>
      <c r="J116" s="12">
        <v>0</v>
      </c>
      <c r="K116" s="12">
        <v>0</v>
      </c>
      <c r="L116" s="12">
        <v>100</v>
      </c>
      <c r="M116" s="12">
        <v>0</v>
      </c>
    </row>
    <row r="117" spans="1:13" x14ac:dyDescent="0.25">
      <c r="A117" s="2" t="s">
        <v>229</v>
      </c>
      <c r="B117" s="4" t="s">
        <v>481</v>
      </c>
      <c r="C117" s="12">
        <v>450000</v>
      </c>
      <c r="D117" s="12">
        <v>452000</v>
      </c>
      <c r="E117" s="12">
        <v>0</v>
      </c>
      <c r="F117" s="12">
        <v>369985.8</v>
      </c>
      <c r="G117" s="12">
        <v>0</v>
      </c>
      <c r="H117" s="12">
        <v>82014.2</v>
      </c>
      <c r="I117" s="12">
        <v>0</v>
      </c>
      <c r="J117" s="12">
        <v>369985.8</v>
      </c>
      <c r="K117" s="12">
        <v>0</v>
      </c>
      <c r="L117" s="12">
        <v>82014.2</v>
      </c>
      <c r="M117" s="12">
        <v>0</v>
      </c>
    </row>
    <row r="118" spans="1:13" x14ac:dyDescent="0.25">
      <c r="A118" s="2" t="s">
        <v>231</v>
      </c>
      <c r="B118" s="4" t="s">
        <v>483</v>
      </c>
      <c r="C118" s="12">
        <v>4598800</v>
      </c>
      <c r="D118" s="12">
        <v>3720463</v>
      </c>
      <c r="E118" s="12">
        <v>-420.15</v>
      </c>
      <c r="F118" s="12">
        <v>1562766.13</v>
      </c>
      <c r="G118" s="12">
        <v>0.01</v>
      </c>
      <c r="H118" s="12">
        <v>2157696.87</v>
      </c>
      <c r="I118" s="12">
        <v>400050.24</v>
      </c>
      <c r="J118" s="12">
        <v>711543.34</v>
      </c>
      <c r="K118" s="12">
        <v>0</v>
      </c>
      <c r="L118" s="12">
        <v>3008919.66</v>
      </c>
      <c r="M118" s="12">
        <v>851222.79</v>
      </c>
    </row>
    <row r="119" spans="1:13" x14ac:dyDescent="0.25">
      <c r="A119" s="2" t="s">
        <v>233</v>
      </c>
      <c r="B119" s="4" t="s">
        <v>485</v>
      </c>
      <c r="C119" s="12">
        <v>100</v>
      </c>
      <c r="D119" s="12">
        <v>100</v>
      </c>
      <c r="E119" s="12">
        <v>0</v>
      </c>
      <c r="F119" s="12">
        <v>0</v>
      </c>
      <c r="G119" s="12">
        <v>0</v>
      </c>
      <c r="H119" s="12">
        <v>100</v>
      </c>
      <c r="I119" s="12">
        <v>0</v>
      </c>
      <c r="J119" s="12">
        <v>0</v>
      </c>
      <c r="K119" s="12">
        <v>0</v>
      </c>
      <c r="L119" s="12">
        <v>100</v>
      </c>
      <c r="M119" s="12">
        <v>0</v>
      </c>
    </row>
    <row r="120" spans="1:13" x14ac:dyDescent="0.25">
      <c r="A120" s="2" t="s">
        <v>235</v>
      </c>
      <c r="B120" s="4" t="s">
        <v>486</v>
      </c>
      <c r="C120" s="12">
        <v>101667800</v>
      </c>
      <c r="D120" s="12">
        <v>123009099</v>
      </c>
      <c r="E120" s="12">
        <v>13324455.41</v>
      </c>
      <c r="F120" s="12">
        <v>30530785.030000001</v>
      </c>
      <c r="G120" s="12">
        <v>0.16</v>
      </c>
      <c r="H120" s="12">
        <v>92478313.969999999</v>
      </c>
      <c r="I120" s="12">
        <v>14171736.779999999</v>
      </c>
      <c r="J120" s="12">
        <v>16859723.149999999</v>
      </c>
      <c r="K120" s="12">
        <v>0.1</v>
      </c>
      <c r="L120" s="12">
        <v>106149375.84999999</v>
      </c>
      <c r="M120" s="12">
        <v>13671061.880000001</v>
      </c>
    </row>
    <row r="121" spans="1:13" x14ac:dyDescent="0.25">
      <c r="A121" s="2" t="s">
        <v>237</v>
      </c>
      <c r="B121" s="4" t="s">
        <v>487</v>
      </c>
      <c r="C121" s="12">
        <v>100</v>
      </c>
      <c r="D121" s="12">
        <v>100</v>
      </c>
      <c r="E121" s="12">
        <v>0</v>
      </c>
      <c r="F121" s="12">
        <v>0</v>
      </c>
      <c r="G121" s="12">
        <v>0</v>
      </c>
      <c r="H121" s="12">
        <v>100</v>
      </c>
      <c r="I121" s="12">
        <v>0</v>
      </c>
      <c r="J121" s="12">
        <v>0</v>
      </c>
      <c r="K121" s="12">
        <v>0</v>
      </c>
      <c r="L121" s="12">
        <v>100</v>
      </c>
      <c r="M121" s="12">
        <v>0</v>
      </c>
    </row>
    <row r="122" spans="1:13" x14ac:dyDescent="0.25">
      <c r="A122" s="2" t="s">
        <v>239</v>
      </c>
      <c r="B122" s="4" t="s">
        <v>488</v>
      </c>
      <c r="C122" s="12">
        <v>11000400</v>
      </c>
      <c r="D122" s="12">
        <v>11000400</v>
      </c>
      <c r="E122" s="12">
        <v>282.37</v>
      </c>
      <c r="F122" s="12">
        <v>10849773.85</v>
      </c>
      <c r="G122" s="12">
        <v>0.06</v>
      </c>
      <c r="H122" s="12">
        <v>150626.15</v>
      </c>
      <c r="I122" s="12">
        <v>1450147.72</v>
      </c>
      <c r="J122" s="12">
        <v>10849773.85</v>
      </c>
      <c r="K122" s="12">
        <v>0.06</v>
      </c>
      <c r="L122" s="12">
        <v>150626.15</v>
      </c>
      <c r="M122" s="12">
        <v>0</v>
      </c>
    </row>
    <row r="123" spans="1:13" x14ac:dyDescent="0.25">
      <c r="A123" s="2" t="s">
        <v>241</v>
      </c>
      <c r="B123" s="4" t="s">
        <v>489</v>
      </c>
      <c r="C123" s="12">
        <v>26733000</v>
      </c>
      <c r="D123" s="12">
        <v>30340400</v>
      </c>
      <c r="E123" s="12">
        <v>1162219.55</v>
      </c>
      <c r="F123" s="12">
        <v>26376971</v>
      </c>
      <c r="G123" s="12">
        <v>0.14000000000000001</v>
      </c>
      <c r="H123" s="12">
        <v>3963429</v>
      </c>
      <c r="I123" s="12">
        <v>3155778.89</v>
      </c>
      <c r="J123" s="12">
        <v>25174615.73</v>
      </c>
      <c r="K123" s="12">
        <v>0.14000000000000001</v>
      </c>
      <c r="L123" s="12">
        <v>5165784.2699999996</v>
      </c>
      <c r="M123" s="12">
        <v>1202355.27</v>
      </c>
    </row>
    <row r="124" spans="1:13" x14ac:dyDescent="0.25">
      <c r="A124" s="3" t="s">
        <v>243</v>
      </c>
      <c r="B124" s="5" t="s">
        <v>490</v>
      </c>
      <c r="C124" s="11">
        <v>10814500</v>
      </c>
      <c r="D124" s="11">
        <v>19789467</v>
      </c>
      <c r="E124" s="11">
        <v>406670.6</v>
      </c>
      <c r="F124" s="11">
        <v>11340629.85</v>
      </c>
      <c r="G124" s="11">
        <v>0.06</v>
      </c>
      <c r="H124" s="11">
        <v>8448837.1500000004</v>
      </c>
      <c r="I124" s="11">
        <v>1210403.76</v>
      </c>
      <c r="J124" s="11">
        <v>10376751.640000001</v>
      </c>
      <c r="K124" s="11">
        <v>0.06</v>
      </c>
      <c r="L124" s="11">
        <v>9412715.3599999994</v>
      </c>
      <c r="M124" s="11">
        <v>963878.21</v>
      </c>
    </row>
    <row r="125" spans="1:13" x14ac:dyDescent="0.25">
      <c r="A125" s="2" t="s">
        <v>245</v>
      </c>
      <c r="B125" s="4" t="s">
        <v>491</v>
      </c>
      <c r="C125" s="12">
        <v>10814500</v>
      </c>
      <c r="D125" s="12">
        <v>19789467</v>
      </c>
      <c r="E125" s="12">
        <v>406670.6</v>
      </c>
      <c r="F125" s="12">
        <v>11340629.85</v>
      </c>
      <c r="G125" s="12">
        <v>0.06</v>
      </c>
      <c r="H125" s="12">
        <v>8448837.1500000004</v>
      </c>
      <c r="I125" s="12">
        <v>1210403.76</v>
      </c>
      <c r="J125" s="12">
        <v>10376751.640000001</v>
      </c>
      <c r="K125" s="12">
        <v>0.06</v>
      </c>
      <c r="L125" s="12">
        <v>9412715.3599999994</v>
      </c>
      <c r="M125" s="12">
        <v>963878.21</v>
      </c>
    </row>
    <row r="126" spans="1:13" x14ac:dyDescent="0.25">
      <c r="A126" s="3" t="s">
        <v>247</v>
      </c>
      <c r="B126" s="5" t="s">
        <v>492</v>
      </c>
      <c r="C126" s="11">
        <v>280596400</v>
      </c>
      <c r="D126" s="11">
        <v>318802300</v>
      </c>
      <c r="E126" s="11">
        <v>27862058.32</v>
      </c>
      <c r="F126" s="11">
        <v>78795961.950000003</v>
      </c>
      <c r="G126" s="11">
        <v>0.42</v>
      </c>
      <c r="H126" s="11">
        <v>240006338.05000001</v>
      </c>
      <c r="I126" s="11">
        <v>30213711.960000001</v>
      </c>
      <c r="J126" s="11">
        <v>73919414.890000001</v>
      </c>
      <c r="K126" s="11">
        <v>0.42</v>
      </c>
      <c r="L126" s="11">
        <v>244882885.11000001</v>
      </c>
      <c r="M126" s="11">
        <v>4876547.0599999996</v>
      </c>
    </row>
    <row r="127" spans="1:13" x14ac:dyDescent="0.25">
      <c r="A127" s="2" t="s">
        <v>249</v>
      </c>
      <c r="B127" s="4" t="s">
        <v>493</v>
      </c>
      <c r="C127" s="12">
        <v>280596400</v>
      </c>
      <c r="D127" s="12">
        <v>318802300</v>
      </c>
      <c r="E127" s="12">
        <v>27862058.32</v>
      </c>
      <c r="F127" s="12">
        <v>78795961.950000003</v>
      </c>
      <c r="G127" s="12">
        <v>0.42</v>
      </c>
      <c r="H127" s="12">
        <v>240006338.05000001</v>
      </c>
      <c r="I127" s="12">
        <v>30213711.960000001</v>
      </c>
      <c r="J127" s="12">
        <v>73919414.890000001</v>
      </c>
      <c r="K127" s="12">
        <v>0.42</v>
      </c>
      <c r="L127" s="12">
        <v>244882885.11000001</v>
      </c>
      <c r="M127" s="12">
        <v>4876547.0599999996</v>
      </c>
    </row>
    <row r="128" spans="1:13" x14ac:dyDescent="0.25">
      <c r="A128" s="3" t="s">
        <v>251</v>
      </c>
      <c r="B128" s="5" t="s">
        <v>494</v>
      </c>
      <c r="C128" s="11">
        <v>38538400</v>
      </c>
      <c r="D128" s="11">
        <v>49681575</v>
      </c>
      <c r="E128" s="11">
        <v>7407497.1299999999</v>
      </c>
      <c r="F128" s="11">
        <v>24615573.469999999</v>
      </c>
      <c r="G128" s="11">
        <v>0.13</v>
      </c>
      <c r="H128" s="11">
        <v>25066001.530000001</v>
      </c>
      <c r="I128" s="11">
        <v>7664986.29</v>
      </c>
      <c r="J128" s="11">
        <v>23389980.760000002</v>
      </c>
      <c r="K128" s="11">
        <v>0.13</v>
      </c>
      <c r="L128" s="11">
        <v>26291594.239999998</v>
      </c>
      <c r="M128" s="11">
        <v>1225592.71</v>
      </c>
    </row>
    <row r="129" spans="1:13" x14ac:dyDescent="0.25">
      <c r="A129" s="2" t="s">
        <v>253</v>
      </c>
      <c r="B129" s="4" t="s">
        <v>495</v>
      </c>
      <c r="C129" s="12">
        <v>11292600</v>
      </c>
      <c r="D129" s="12">
        <v>11518600</v>
      </c>
      <c r="E129" s="12">
        <v>1470654.98</v>
      </c>
      <c r="F129" s="12">
        <v>7907107.5</v>
      </c>
      <c r="G129" s="12">
        <v>0.04</v>
      </c>
      <c r="H129" s="12">
        <v>3611492.5</v>
      </c>
      <c r="I129" s="12">
        <v>1773786.6</v>
      </c>
      <c r="J129" s="12">
        <v>7847007.4199999999</v>
      </c>
      <c r="K129" s="12">
        <v>0.04</v>
      </c>
      <c r="L129" s="12">
        <v>3671592.58</v>
      </c>
      <c r="M129" s="12">
        <v>60100.08</v>
      </c>
    </row>
    <row r="130" spans="1:13" x14ac:dyDescent="0.25">
      <c r="A130" s="2" t="s">
        <v>255</v>
      </c>
      <c r="B130" s="4" t="s">
        <v>496</v>
      </c>
      <c r="C130" s="12">
        <v>100</v>
      </c>
      <c r="D130" s="12">
        <v>100</v>
      </c>
      <c r="E130" s="12">
        <v>0</v>
      </c>
      <c r="F130" s="12">
        <v>0</v>
      </c>
      <c r="G130" s="12">
        <v>0</v>
      </c>
      <c r="H130" s="12">
        <v>100</v>
      </c>
      <c r="I130" s="12">
        <v>0</v>
      </c>
      <c r="J130" s="12">
        <v>0</v>
      </c>
      <c r="K130" s="12">
        <v>0</v>
      </c>
      <c r="L130" s="12">
        <v>100</v>
      </c>
      <c r="M130" s="12">
        <v>0</v>
      </c>
    </row>
    <row r="131" spans="1:13" x14ac:dyDescent="0.25">
      <c r="A131" s="2" t="s">
        <v>257</v>
      </c>
      <c r="B131" s="4" t="s">
        <v>497</v>
      </c>
      <c r="C131" s="12">
        <v>9363200</v>
      </c>
      <c r="D131" s="12">
        <v>9363200</v>
      </c>
      <c r="E131" s="12">
        <v>1447667.6</v>
      </c>
      <c r="F131" s="12">
        <v>7011540</v>
      </c>
      <c r="G131" s="12">
        <v>0.04</v>
      </c>
      <c r="H131" s="12">
        <v>2351660</v>
      </c>
      <c r="I131" s="12">
        <v>1541220.58</v>
      </c>
      <c r="J131" s="12">
        <v>7009830</v>
      </c>
      <c r="K131" s="12">
        <v>0.04</v>
      </c>
      <c r="L131" s="12">
        <v>2353370</v>
      </c>
      <c r="M131" s="12">
        <v>1710</v>
      </c>
    </row>
    <row r="132" spans="1:13" x14ac:dyDescent="0.25">
      <c r="A132" s="2" t="s">
        <v>259</v>
      </c>
      <c r="B132" s="4" t="s">
        <v>498</v>
      </c>
      <c r="C132" s="12">
        <v>17882500</v>
      </c>
      <c r="D132" s="12">
        <v>28799675</v>
      </c>
      <c r="E132" s="12">
        <v>4489174.55</v>
      </c>
      <c r="F132" s="12">
        <v>9696925.9700000007</v>
      </c>
      <c r="G132" s="12">
        <v>0.05</v>
      </c>
      <c r="H132" s="12">
        <v>19102749.030000001</v>
      </c>
      <c r="I132" s="12">
        <v>4349979.1100000003</v>
      </c>
      <c r="J132" s="12">
        <v>8533143.3399999999</v>
      </c>
      <c r="K132" s="12">
        <v>0.05</v>
      </c>
      <c r="L132" s="12">
        <v>20266531.66</v>
      </c>
      <c r="M132" s="12">
        <v>1163782.6299999999</v>
      </c>
    </row>
    <row r="133" spans="1:13" x14ac:dyDescent="0.25">
      <c r="A133" s="3" t="s">
        <v>261</v>
      </c>
      <c r="B133" s="5" t="s">
        <v>499</v>
      </c>
      <c r="C133" s="11">
        <v>1700</v>
      </c>
      <c r="D133" s="11">
        <v>1700</v>
      </c>
      <c r="E133" s="11">
        <v>0</v>
      </c>
      <c r="F133" s="11">
        <v>0</v>
      </c>
      <c r="G133" s="11">
        <v>0</v>
      </c>
      <c r="H133" s="11">
        <v>1700</v>
      </c>
      <c r="I133" s="11">
        <v>0</v>
      </c>
      <c r="J133" s="11">
        <v>0</v>
      </c>
      <c r="K133" s="11">
        <v>0</v>
      </c>
      <c r="L133" s="11">
        <v>1700</v>
      </c>
      <c r="M133" s="11">
        <v>0</v>
      </c>
    </row>
    <row r="134" spans="1:13" x14ac:dyDescent="0.25">
      <c r="A134" s="2" t="s">
        <v>263</v>
      </c>
      <c r="B134" s="4" t="s">
        <v>500</v>
      </c>
      <c r="C134" s="12">
        <v>1700</v>
      </c>
      <c r="D134" s="12">
        <v>1700</v>
      </c>
      <c r="E134" s="12">
        <v>0</v>
      </c>
      <c r="F134" s="12">
        <v>0</v>
      </c>
      <c r="G134" s="12">
        <v>0</v>
      </c>
      <c r="H134" s="12">
        <v>1700</v>
      </c>
      <c r="I134" s="12">
        <v>0</v>
      </c>
      <c r="J134" s="12">
        <v>0</v>
      </c>
      <c r="K134" s="12">
        <v>0</v>
      </c>
      <c r="L134" s="12">
        <v>1700</v>
      </c>
      <c r="M134" s="12">
        <v>0</v>
      </c>
    </row>
    <row r="135" spans="1:13" x14ac:dyDescent="0.25">
      <c r="A135" s="3" t="s">
        <v>265</v>
      </c>
      <c r="B135" s="5" t="s">
        <v>501</v>
      </c>
      <c r="C135" s="11">
        <v>50000</v>
      </c>
      <c r="D135" s="11">
        <v>3830846</v>
      </c>
      <c r="E135" s="11">
        <v>421023.48</v>
      </c>
      <c r="F135" s="11">
        <v>3610970.68</v>
      </c>
      <c r="G135" s="11">
        <v>0.02</v>
      </c>
      <c r="H135" s="11">
        <v>219875.32</v>
      </c>
      <c r="I135" s="11">
        <v>0</v>
      </c>
      <c r="J135" s="11">
        <v>120198.35</v>
      </c>
      <c r="K135" s="11">
        <v>0</v>
      </c>
      <c r="L135" s="11">
        <v>3710647.65</v>
      </c>
      <c r="M135" s="11">
        <v>3490772.33</v>
      </c>
    </row>
    <row r="136" spans="1:13" x14ac:dyDescent="0.25">
      <c r="A136" s="2" t="s">
        <v>267</v>
      </c>
      <c r="B136" s="4" t="s">
        <v>502</v>
      </c>
      <c r="C136" s="12">
        <v>20000</v>
      </c>
      <c r="D136" s="12">
        <v>20000</v>
      </c>
      <c r="E136" s="12">
        <v>0</v>
      </c>
      <c r="F136" s="12">
        <v>0</v>
      </c>
      <c r="G136" s="12">
        <v>0</v>
      </c>
      <c r="H136" s="12">
        <v>20000</v>
      </c>
      <c r="I136" s="12">
        <v>0</v>
      </c>
      <c r="J136" s="12">
        <v>0</v>
      </c>
      <c r="K136" s="12">
        <v>0</v>
      </c>
      <c r="L136" s="12">
        <v>20000</v>
      </c>
      <c r="M136" s="12">
        <v>0</v>
      </c>
    </row>
    <row r="137" spans="1:13" x14ac:dyDescent="0.25">
      <c r="A137" s="2" t="s">
        <v>269</v>
      </c>
      <c r="B137" s="4" t="s">
        <v>503</v>
      </c>
      <c r="C137" s="12">
        <v>30000</v>
      </c>
      <c r="D137" s="12">
        <v>3810846</v>
      </c>
      <c r="E137" s="12">
        <v>421023.48</v>
      </c>
      <c r="F137" s="12">
        <v>3610970.68</v>
      </c>
      <c r="G137" s="12">
        <v>0.02</v>
      </c>
      <c r="H137" s="12">
        <v>199875.32</v>
      </c>
      <c r="I137" s="12">
        <v>0</v>
      </c>
      <c r="J137" s="12">
        <v>120198.35</v>
      </c>
      <c r="K137" s="12">
        <v>0</v>
      </c>
      <c r="L137" s="12">
        <v>3690647.65</v>
      </c>
      <c r="M137" s="12">
        <v>3490772.33</v>
      </c>
    </row>
    <row r="138" spans="1:13" x14ac:dyDescent="0.25">
      <c r="A138" s="3" t="s">
        <v>271</v>
      </c>
      <c r="B138" s="5" t="s">
        <v>504</v>
      </c>
      <c r="C138" s="11">
        <v>1139178000</v>
      </c>
      <c r="D138" s="11">
        <v>2329500674.3899999</v>
      </c>
      <c r="E138" s="11">
        <v>31049320.780000001</v>
      </c>
      <c r="F138" s="11">
        <v>1482302703.71</v>
      </c>
      <c r="G138" s="11">
        <v>7.97</v>
      </c>
      <c r="H138" s="11">
        <v>847197970.67999995</v>
      </c>
      <c r="I138" s="11">
        <v>310099539.88</v>
      </c>
      <c r="J138" s="11">
        <v>1338442728.8800001</v>
      </c>
      <c r="K138" s="11">
        <v>7.58</v>
      </c>
      <c r="L138" s="11">
        <v>991057945.50999999</v>
      </c>
      <c r="M138" s="11">
        <v>143859974.83000001</v>
      </c>
    </row>
    <row r="139" spans="1:13" x14ac:dyDescent="0.25">
      <c r="A139" s="2" t="s">
        <v>273</v>
      </c>
      <c r="B139" s="4" t="s">
        <v>423</v>
      </c>
      <c r="C139" s="12">
        <v>78154000</v>
      </c>
      <c r="D139" s="12">
        <v>124244455.93000001</v>
      </c>
      <c r="E139" s="12">
        <v>21416438.870000001</v>
      </c>
      <c r="F139" s="12">
        <v>86960226.280000001</v>
      </c>
      <c r="G139" s="12">
        <v>0.47</v>
      </c>
      <c r="H139" s="12">
        <v>37284229.649999999</v>
      </c>
      <c r="I139" s="12">
        <v>18366502.82</v>
      </c>
      <c r="J139" s="12">
        <v>74994401.200000003</v>
      </c>
      <c r="K139" s="12">
        <v>0.42</v>
      </c>
      <c r="L139" s="12">
        <v>49250054.729999997</v>
      </c>
      <c r="M139" s="12">
        <v>11965825.08</v>
      </c>
    </row>
    <row r="140" spans="1:13" x14ac:dyDescent="0.25">
      <c r="A140" s="2" t="s">
        <v>275</v>
      </c>
      <c r="B140" s="4" t="s">
        <v>497</v>
      </c>
      <c r="C140" s="12">
        <v>100</v>
      </c>
      <c r="D140" s="12">
        <v>100</v>
      </c>
      <c r="E140" s="12">
        <v>0</v>
      </c>
      <c r="F140" s="12">
        <v>0</v>
      </c>
      <c r="G140" s="12">
        <v>0</v>
      </c>
      <c r="H140" s="12">
        <v>100</v>
      </c>
      <c r="I140" s="12">
        <v>0</v>
      </c>
      <c r="J140" s="12">
        <v>0</v>
      </c>
      <c r="K140" s="12">
        <v>0</v>
      </c>
      <c r="L140" s="12">
        <v>100</v>
      </c>
      <c r="M140" s="12">
        <v>0</v>
      </c>
    </row>
    <row r="141" spans="1:13" x14ac:dyDescent="0.25">
      <c r="A141" s="2" t="s">
        <v>277</v>
      </c>
      <c r="B141" s="4" t="s">
        <v>505</v>
      </c>
      <c r="C141" s="12">
        <v>3845100</v>
      </c>
      <c r="D141" s="12">
        <v>13429590</v>
      </c>
      <c r="E141" s="12">
        <v>4574257.79</v>
      </c>
      <c r="F141" s="12">
        <v>11165758.57</v>
      </c>
      <c r="G141" s="12">
        <v>0.06</v>
      </c>
      <c r="H141" s="12">
        <v>2263831.4300000002</v>
      </c>
      <c r="I141" s="12">
        <v>574633.18999999994</v>
      </c>
      <c r="J141" s="12">
        <v>6490809.2800000003</v>
      </c>
      <c r="K141" s="12">
        <v>0.04</v>
      </c>
      <c r="L141" s="12">
        <v>6938780.7199999997</v>
      </c>
      <c r="M141" s="12">
        <v>4674949.29</v>
      </c>
    </row>
    <row r="142" spans="1:13" x14ac:dyDescent="0.25">
      <c r="A142" s="2" t="s">
        <v>279</v>
      </c>
      <c r="B142" s="4" t="s">
        <v>506</v>
      </c>
      <c r="C142" s="12">
        <v>1057176600</v>
      </c>
      <c r="D142" s="12">
        <v>2191824328.46</v>
      </c>
      <c r="E142" s="12">
        <v>5058624.12</v>
      </c>
      <c r="F142" s="12">
        <v>1384176718.8599999</v>
      </c>
      <c r="G142" s="12">
        <v>7.44</v>
      </c>
      <c r="H142" s="12">
        <v>807647609.60000002</v>
      </c>
      <c r="I142" s="12">
        <v>291158403.87</v>
      </c>
      <c r="J142" s="12">
        <v>1256957518.4000001</v>
      </c>
      <c r="K142" s="12">
        <v>7.12</v>
      </c>
      <c r="L142" s="12">
        <v>934866810.05999994</v>
      </c>
      <c r="M142" s="12">
        <v>127219200.45999999</v>
      </c>
    </row>
    <row r="143" spans="1:13" x14ac:dyDescent="0.25">
      <c r="A143" s="2" t="s">
        <v>281</v>
      </c>
      <c r="B143" s="4" t="s">
        <v>507</v>
      </c>
      <c r="C143" s="12">
        <v>1100</v>
      </c>
      <c r="D143" s="12">
        <v>1100</v>
      </c>
      <c r="E143" s="12">
        <v>0</v>
      </c>
      <c r="F143" s="12">
        <v>0</v>
      </c>
      <c r="G143" s="12">
        <v>0</v>
      </c>
      <c r="H143" s="12">
        <v>1100</v>
      </c>
      <c r="I143" s="12">
        <v>0</v>
      </c>
      <c r="J143" s="12">
        <v>0</v>
      </c>
      <c r="K143" s="12">
        <v>0</v>
      </c>
      <c r="L143" s="12">
        <v>1100</v>
      </c>
      <c r="M143" s="12">
        <v>0</v>
      </c>
    </row>
    <row r="144" spans="1:13" x14ac:dyDescent="0.25">
      <c r="A144" s="2" t="s">
        <v>283</v>
      </c>
      <c r="B144" s="4" t="s">
        <v>508</v>
      </c>
      <c r="C144" s="12">
        <v>1100</v>
      </c>
      <c r="D144" s="12">
        <v>1100</v>
      </c>
      <c r="E144" s="12">
        <v>0</v>
      </c>
      <c r="F144" s="12">
        <v>0</v>
      </c>
      <c r="G144" s="12">
        <v>0</v>
      </c>
      <c r="H144" s="12">
        <v>1100</v>
      </c>
      <c r="I144" s="12">
        <v>0</v>
      </c>
      <c r="J144" s="12">
        <v>0</v>
      </c>
      <c r="K144" s="12">
        <v>0</v>
      </c>
      <c r="L144" s="12">
        <v>1100</v>
      </c>
      <c r="M144" s="12">
        <v>0</v>
      </c>
    </row>
    <row r="145" spans="1:13" x14ac:dyDescent="0.25">
      <c r="A145" s="3" t="s">
        <v>285</v>
      </c>
      <c r="B145" s="5" t="s">
        <v>509</v>
      </c>
      <c r="C145" s="11">
        <v>32538700</v>
      </c>
      <c r="D145" s="11">
        <v>81489446.519999996</v>
      </c>
      <c r="E145" s="11">
        <v>6114377.4400000004</v>
      </c>
      <c r="F145" s="11">
        <v>20861038.969999999</v>
      </c>
      <c r="G145" s="11">
        <v>0.11</v>
      </c>
      <c r="H145" s="11">
        <v>60628407.549999997</v>
      </c>
      <c r="I145" s="11">
        <v>6156141.7699999996</v>
      </c>
      <c r="J145" s="11">
        <v>16674608.68</v>
      </c>
      <c r="K145" s="11">
        <v>0.09</v>
      </c>
      <c r="L145" s="11">
        <v>64814837.840000004</v>
      </c>
      <c r="M145" s="11">
        <v>4186430.29</v>
      </c>
    </row>
    <row r="146" spans="1:13" x14ac:dyDescent="0.25">
      <c r="A146" s="2" t="s">
        <v>287</v>
      </c>
      <c r="B146" s="4" t="s">
        <v>423</v>
      </c>
      <c r="C146" s="12">
        <v>1795800</v>
      </c>
      <c r="D146" s="12">
        <v>44323900</v>
      </c>
      <c r="E146" s="12">
        <v>2313010.02</v>
      </c>
      <c r="F146" s="12">
        <v>7885811.4000000004</v>
      </c>
      <c r="G146" s="12">
        <v>0.04</v>
      </c>
      <c r="H146" s="12">
        <v>36438088.600000001</v>
      </c>
      <c r="I146" s="12">
        <v>2157494.1800000002</v>
      </c>
      <c r="J146" s="12">
        <v>5323885.04</v>
      </c>
      <c r="K146" s="12">
        <v>0.03</v>
      </c>
      <c r="L146" s="12">
        <v>39000014.960000001</v>
      </c>
      <c r="M146" s="12">
        <v>2561926.36</v>
      </c>
    </row>
    <row r="147" spans="1:13" x14ac:dyDescent="0.25">
      <c r="A147" s="2" t="s">
        <v>289</v>
      </c>
      <c r="B147" s="4" t="s">
        <v>510</v>
      </c>
      <c r="C147" s="12">
        <v>24921200</v>
      </c>
      <c r="D147" s="12">
        <v>31753200</v>
      </c>
      <c r="E147" s="12">
        <v>2756214.71</v>
      </c>
      <c r="F147" s="12">
        <v>8774921.7799999993</v>
      </c>
      <c r="G147" s="12">
        <v>0.05</v>
      </c>
      <c r="H147" s="12">
        <v>22978278.219999999</v>
      </c>
      <c r="I147" s="12">
        <v>2950453.53</v>
      </c>
      <c r="J147" s="12">
        <v>7151402.8499999996</v>
      </c>
      <c r="K147" s="12">
        <v>0.04</v>
      </c>
      <c r="L147" s="12">
        <v>24601797.149999999</v>
      </c>
      <c r="M147" s="12">
        <v>1623518.93</v>
      </c>
    </row>
    <row r="148" spans="1:13" x14ac:dyDescent="0.25">
      <c r="A148" s="2" t="s">
        <v>291</v>
      </c>
      <c r="B148" s="4" t="s">
        <v>511</v>
      </c>
      <c r="C148" s="12">
        <v>5821700</v>
      </c>
      <c r="D148" s="12">
        <v>5412346.5199999996</v>
      </c>
      <c r="E148" s="12">
        <v>1045152.71</v>
      </c>
      <c r="F148" s="12">
        <v>4200305.79</v>
      </c>
      <c r="G148" s="12">
        <v>0.02</v>
      </c>
      <c r="H148" s="12">
        <v>1212040.73</v>
      </c>
      <c r="I148" s="12">
        <v>1048194.06</v>
      </c>
      <c r="J148" s="12">
        <v>4199320.79</v>
      </c>
      <c r="K148" s="12">
        <v>0.02</v>
      </c>
      <c r="L148" s="12">
        <v>1213025.73</v>
      </c>
      <c r="M148" s="12">
        <v>985</v>
      </c>
    </row>
    <row r="149" spans="1:13" x14ac:dyDescent="0.25">
      <c r="A149" s="3" t="s">
        <v>293</v>
      </c>
      <c r="B149" s="5" t="s">
        <v>512</v>
      </c>
      <c r="C149" s="11">
        <v>933563100</v>
      </c>
      <c r="D149" s="11">
        <v>869824155.03999996</v>
      </c>
      <c r="E149" s="11">
        <v>135600922.08000001</v>
      </c>
      <c r="F149" s="11">
        <v>853634896.41999996</v>
      </c>
      <c r="G149" s="11">
        <v>4.59</v>
      </c>
      <c r="H149" s="11">
        <v>16189258.619999999</v>
      </c>
      <c r="I149" s="11">
        <v>139486111.09</v>
      </c>
      <c r="J149" s="11">
        <v>853534896.41999996</v>
      </c>
      <c r="K149" s="11">
        <v>4.83</v>
      </c>
      <c r="L149" s="11">
        <v>16289258.619999999</v>
      </c>
      <c r="M149" s="11">
        <v>100000</v>
      </c>
    </row>
    <row r="150" spans="1:13" x14ac:dyDescent="0.25">
      <c r="A150" s="2" t="s">
        <v>295</v>
      </c>
      <c r="B150" s="4" t="s">
        <v>513</v>
      </c>
      <c r="C150" s="12">
        <v>394903000</v>
      </c>
      <c r="D150" s="12">
        <v>340105503</v>
      </c>
      <c r="E150" s="12">
        <v>61579422.060000002</v>
      </c>
      <c r="F150" s="12">
        <v>337963755.62</v>
      </c>
      <c r="G150" s="12">
        <v>1.82</v>
      </c>
      <c r="H150" s="12">
        <v>2141747.38</v>
      </c>
      <c r="I150" s="12">
        <v>61579422.060000002</v>
      </c>
      <c r="J150" s="12">
        <v>337963755.62</v>
      </c>
      <c r="K150" s="12">
        <v>1.91</v>
      </c>
      <c r="L150" s="12">
        <v>2141747.38</v>
      </c>
      <c r="M150" s="12">
        <v>0</v>
      </c>
    </row>
    <row r="151" spans="1:13" x14ac:dyDescent="0.25">
      <c r="A151" s="2" t="s">
        <v>297</v>
      </c>
      <c r="B151" s="4" t="s">
        <v>446</v>
      </c>
      <c r="C151" s="12">
        <v>204500100</v>
      </c>
      <c r="D151" s="12">
        <v>142066273</v>
      </c>
      <c r="E151" s="12">
        <v>25250953.68</v>
      </c>
      <c r="F151" s="12">
        <v>140698798.37</v>
      </c>
      <c r="G151" s="12">
        <v>0.76</v>
      </c>
      <c r="H151" s="12">
        <v>1367474.63</v>
      </c>
      <c r="I151" s="12">
        <v>25250953.68</v>
      </c>
      <c r="J151" s="12">
        <v>140698798.37</v>
      </c>
      <c r="K151" s="12">
        <v>0.8</v>
      </c>
      <c r="L151" s="12">
        <v>1367474.63</v>
      </c>
      <c r="M151" s="12">
        <v>0</v>
      </c>
    </row>
    <row r="152" spans="1:13" x14ac:dyDescent="0.25">
      <c r="A152" s="2" t="s">
        <v>299</v>
      </c>
      <c r="B152" s="4" t="s">
        <v>514</v>
      </c>
      <c r="C152" s="12">
        <v>217000000</v>
      </c>
      <c r="D152" s="12">
        <v>148302765</v>
      </c>
      <c r="E152" s="12">
        <v>8498393.2699999996</v>
      </c>
      <c r="F152" s="12">
        <v>145206136.68000001</v>
      </c>
      <c r="G152" s="12">
        <v>0.78</v>
      </c>
      <c r="H152" s="12">
        <v>3096628.32</v>
      </c>
      <c r="I152" s="12">
        <v>8498393.2799999993</v>
      </c>
      <c r="J152" s="12">
        <v>145206136.68000001</v>
      </c>
      <c r="K152" s="12">
        <v>0.82</v>
      </c>
      <c r="L152" s="12">
        <v>3096628.32</v>
      </c>
      <c r="M152" s="12">
        <v>0</v>
      </c>
    </row>
    <row r="153" spans="1:13" x14ac:dyDescent="0.25">
      <c r="A153" s="2" t="s">
        <v>301</v>
      </c>
      <c r="B153" s="4" t="s">
        <v>515</v>
      </c>
      <c r="C153" s="12">
        <v>33522500</v>
      </c>
      <c r="D153" s="12">
        <v>36272500</v>
      </c>
      <c r="E153" s="12">
        <v>5500000</v>
      </c>
      <c r="F153" s="12">
        <v>35837928.939999998</v>
      </c>
      <c r="G153" s="12">
        <v>0.19</v>
      </c>
      <c r="H153" s="12">
        <v>434571.06</v>
      </c>
      <c r="I153" s="12">
        <v>5500000</v>
      </c>
      <c r="J153" s="12">
        <v>35837928.939999998</v>
      </c>
      <c r="K153" s="12">
        <v>0.2</v>
      </c>
      <c r="L153" s="12">
        <v>434571.06</v>
      </c>
      <c r="M153" s="12">
        <v>0</v>
      </c>
    </row>
    <row r="154" spans="1:13" x14ac:dyDescent="0.25">
      <c r="A154" s="2" t="s">
        <v>303</v>
      </c>
      <c r="B154" s="4" t="s">
        <v>420</v>
      </c>
      <c r="C154" s="12">
        <v>83637500</v>
      </c>
      <c r="D154" s="12">
        <v>203077114.03999999</v>
      </c>
      <c r="E154" s="12">
        <v>34772153.07</v>
      </c>
      <c r="F154" s="12">
        <v>193928276.81</v>
      </c>
      <c r="G154" s="12">
        <v>1.04</v>
      </c>
      <c r="H154" s="12">
        <v>9148837.2300000004</v>
      </c>
      <c r="I154" s="12">
        <v>38657342.07</v>
      </c>
      <c r="J154" s="12">
        <v>193828276.81</v>
      </c>
      <c r="K154" s="12">
        <v>1.1000000000000001</v>
      </c>
      <c r="L154" s="12">
        <v>9248837.2300000004</v>
      </c>
      <c r="M154" s="12">
        <v>100000</v>
      </c>
    </row>
    <row r="155" spans="1:13" x14ac:dyDescent="0.25">
      <c r="A155" s="3" t="s">
        <v>305</v>
      </c>
      <c r="B155" s="5" t="s">
        <v>516</v>
      </c>
      <c r="C155" s="11">
        <v>134138000</v>
      </c>
      <c r="D155" s="11">
        <v>45214127</v>
      </c>
      <c r="E155" s="11">
        <v>0</v>
      </c>
      <c r="F155" s="11">
        <v>0</v>
      </c>
      <c r="G155" s="11">
        <v>0</v>
      </c>
      <c r="H155" s="11">
        <v>45214127</v>
      </c>
      <c r="I155" s="11">
        <v>0</v>
      </c>
      <c r="J155" s="11">
        <v>0</v>
      </c>
      <c r="K155" s="11">
        <v>0</v>
      </c>
      <c r="L155" s="11">
        <v>45214127</v>
      </c>
      <c r="M155" s="11">
        <v>0</v>
      </c>
    </row>
    <row r="156" spans="1:13" x14ac:dyDescent="0.25">
      <c r="A156" s="2" t="s">
        <v>307</v>
      </c>
      <c r="B156" s="4" t="s">
        <v>517</v>
      </c>
      <c r="C156" s="12">
        <v>134138000</v>
      </c>
      <c r="D156" s="12">
        <v>45214127</v>
      </c>
      <c r="E156" s="12">
        <v>0</v>
      </c>
      <c r="F156" s="12">
        <v>0</v>
      </c>
      <c r="G156" s="12">
        <v>0</v>
      </c>
      <c r="H156" s="12">
        <v>45214127</v>
      </c>
      <c r="I156" s="12">
        <v>0</v>
      </c>
      <c r="J156" s="12">
        <v>0</v>
      </c>
      <c r="K156" s="12">
        <v>0</v>
      </c>
      <c r="L156" s="12">
        <v>45214127</v>
      </c>
      <c r="M156" s="12">
        <v>0</v>
      </c>
    </row>
    <row r="157" spans="1:13" x14ac:dyDescent="0.25">
      <c r="A157" s="3" t="s">
        <v>309</v>
      </c>
      <c r="B157" s="5" t="s">
        <v>518</v>
      </c>
      <c r="C157" s="11">
        <v>1773627600</v>
      </c>
      <c r="D157" s="11">
        <v>2248557274.79</v>
      </c>
      <c r="E157" s="11">
        <v>450588636.94999999</v>
      </c>
      <c r="F157" s="11">
        <v>2149533019.3800001</v>
      </c>
      <c r="G157" s="11">
        <v>11.56</v>
      </c>
      <c r="H157" s="11">
        <v>99024255.409999996</v>
      </c>
      <c r="I157" s="11">
        <v>486399211.97000003</v>
      </c>
      <c r="J157" s="11">
        <v>2149533019.3800001</v>
      </c>
      <c r="K157" s="11">
        <v>12.17</v>
      </c>
      <c r="L157" s="11">
        <v>99024255.409999996</v>
      </c>
      <c r="M157" s="11">
        <v>0</v>
      </c>
    </row>
    <row r="158" spans="1:13" x14ac:dyDescent="0.25">
      <c r="A158" s="3" t="s">
        <v>311</v>
      </c>
      <c r="B158" s="5" t="s">
        <v>417</v>
      </c>
      <c r="C158" s="11">
        <v>111950000</v>
      </c>
      <c r="D158" s="11">
        <v>111950000</v>
      </c>
      <c r="E158" s="11">
        <v>24663616.68</v>
      </c>
      <c r="F158" s="11">
        <v>105605774.15000001</v>
      </c>
      <c r="G158" s="11">
        <v>0.56999999999999995</v>
      </c>
      <c r="H158" s="11">
        <v>6344225.8499999996</v>
      </c>
      <c r="I158" s="11">
        <v>24663616.68</v>
      </c>
      <c r="J158" s="11">
        <v>105605774.15000001</v>
      </c>
      <c r="K158" s="11">
        <v>0.59</v>
      </c>
      <c r="L158" s="11">
        <v>6344225.8499999996</v>
      </c>
      <c r="M158" s="11">
        <v>0</v>
      </c>
    </row>
    <row r="159" spans="1:13" x14ac:dyDescent="0.25">
      <c r="A159" s="2" t="s">
        <v>313</v>
      </c>
      <c r="B159" s="4" t="s">
        <v>418</v>
      </c>
      <c r="C159" s="12">
        <v>51350000</v>
      </c>
      <c r="D159" s="12">
        <v>51350000</v>
      </c>
      <c r="E159" s="12">
        <v>11359540.83</v>
      </c>
      <c r="F159" s="12">
        <v>48376517.390000001</v>
      </c>
      <c r="G159" s="12">
        <v>0.26</v>
      </c>
      <c r="H159" s="12">
        <v>2973482.61</v>
      </c>
      <c r="I159" s="12">
        <v>11359540.83</v>
      </c>
      <c r="J159" s="12">
        <v>48376517.390000001</v>
      </c>
      <c r="K159" s="12">
        <v>0.27</v>
      </c>
      <c r="L159" s="12">
        <v>2973482.61</v>
      </c>
      <c r="M159" s="12">
        <v>0</v>
      </c>
    </row>
    <row r="160" spans="1:13" x14ac:dyDescent="0.25">
      <c r="A160" s="2" t="s">
        <v>315</v>
      </c>
      <c r="B160" s="4" t="s">
        <v>419</v>
      </c>
      <c r="C160" s="12">
        <v>60600000</v>
      </c>
      <c r="D160" s="12">
        <v>60600000</v>
      </c>
      <c r="E160" s="12">
        <v>13304075.85</v>
      </c>
      <c r="F160" s="12">
        <v>57229256.759999998</v>
      </c>
      <c r="G160" s="12">
        <v>0.31</v>
      </c>
      <c r="H160" s="12">
        <v>3370743.24</v>
      </c>
      <c r="I160" s="12">
        <v>13304075.85</v>
      </c>
      <c r="J160" s="12">
        <v>57229256.759999998</v>
      </c>
      <c r="K160" s="12">
        <v>0.32</v>
      </c>
      <c r="L160" s="12">
        <v>3370743.24</v>
      </c>
      <c r="M160" s="12">
        <v>0</v>
      </c>
    </row>
    <row r="161" spans="1:13" x14ac:dyDescent="0.25">
      <c r="A161" s="3" t="s">
        <v>317</v>
      </c>
      <c r="B161" s="5" t="s">
        <v>421</v>
      </c>
      <c r="C161" s="11">
        <v>176151000</v>
      </c>
      <c r="D161" s="11">
        <v>172074800</v>
      </c>
      <c r="E161" s="11">
        <v>-6914562.8700000001</v>
      </c>
      <c r="F161" s="11">
        <v>166793437.13</v>
      </c>
      <c r="G161" s="11">
        <v>0.9</v>
      </c>
      <c r="H161" s="11">
        <v>5281362.87</v>
      </c>
      <c r="I161" s="11">
        <v>28824827.850000001</v>
      </c>
      <c r="J161" s="11">
        <v>166793437.13</v>
      </c>
      <c r="K161" s="11">
        <v>0.94</v>
      </c>
      <c r="L161" s="11">
        <v>5281362.87</v>
      </c>
      <c r="M161" s="11">
        <v>0</v>
      </c>
    </row>
    <row r="162" spans="1:13" x14ac:dyDescent="0.25">
      <c r="A162" s="2" t="s">
        <v>319</v>
      </c>
      <c r="B162" s="4" t="s">
        <v>423</v>
      </c>
      <c r="C162" s="12">
        <v>176151000</v>
      </c>
      <c r="D162" s="12">
        <v>172074800</v>
      </c>
      <c r="E162" s="12">
        <v>-6914562.8700000001</v>
      </c>
      <c r="F162" s="12">
        <v>166793437.13</v>
      </c>
      <c r="G162" s="12">
        <v>0.9</v>
      </c>
      <c r="H162" s="12">
        <v>5281362.87</v>
      </c>
      <c r="I162" s="12">
        <v>28824827.850000001</v>
      </c>
      <c r="J162" s="12">
        <v>166793437.13</v>
      </c>
      <c r="K162" s="12">
        <v>0.94</v>
      </c>
      <c r="L162" s="12">
        <v>5281362.87</v>
      </c>
      <c r="M162" s="12">
        <v>0</v>
      </c>
    </row>
    <row r="163" spans="1:13" x14ac:dyDescent="0.25">
      <c r="A163" s="3" t="s">
        <v>321</v>
      </c>
      <c r="B163" s="5" t="s">
        <v>427</v>
      </c>
      <c r="C163" s="11">
        <v>100710600</v>
      </c>
      <c r="D163" s="11">
        <v>95531804.469999999</v>
      </c>
      <c r="E163" s="11">
        <v>21408064.629999999</v>
      </c>
      <c r="F163" s="11">
        <v>92941751.560000002</v>
      </c>
      <c r="G163" s="11">
        <v>0.5</v>
      </c>
      <c r="H163" s="11">
        <v>2590052.91</v>
      </c>
      <c r="I163" s="11">
        <v>21408064.629999999</v>
      </c>
      <c r="J163" s="11">
        <v>92941751.560000002</v>
      </c>
      <c r="K163" s="11">
        <v>0.53</v>
      </c>
      <c r="L163" s="11">
        <v>2590052.91</v>
      </c>
      <c r="M163" s="11">
        <v>0</v>
      </c>
    </row>
    <row r="164" spans="1:13" x14ac:dyDescent="0.25">
      <c r="A164" s="2" t="s">
        <v>323</v>
      </c>
      <c r="B164" s="4" t="s">
        <v>428</v>
      </c>
      <c r="C164" s="12">
        <v>53703600</v>
      </c>
      <c r="D164" s="12">
        <v>49100278.729999997</v>
      </c>
      <c r="E164" s="12">
        <v>11363476.82</v>
      </c>
      <c r="F164" s="12">
        <v>49100278.729999997</v>
      </c>
      <c r="G164" s="12">
        <v>0.26</v>
      </c>
      <c r="H164" s="12">
        <v>0</v>
      </c>
      <c r="I164" s="12">
        <v>11363476.82</v>
      </c>
      <c r="J164" s="12">
        <v>49100278.729999997</v>
      </c>
      <c r="K164" s="12">
        <v>0.28000000000000003</v>
      </c>
      <c r="L164" s="12">
        <v>0</v>
      </c>
      <c r="M164" s="12">
        <v>0</v>
      </c>
    </row>
    <row r="165" spans="1:13" x14ac:dyDescent="0.25">
      <c r="A165" s="2" t="s">
        <v>325</v>
      </c>
      <c r="B165" s="4" t="s">
        <v>429</v>
      </c>
      <c r="C165" s="12">
        <v>16622000</v>
      </c>
      <c r="D165" s="12">
        <v>16622000</v>
      </c>
      <c r="E165" s="12">
        <v>3225000.32</v>
      </c>
      <c r="F165" s="12">
        <v>14252743.109999999</v>
      </c>
      <c r="G165" s="12">
        <v>0.08</v>
      </c>
      <c r="H165" s="12">
        <v>2369256.89</v>
      </c>
      <c r="I165" s="12">
        <v>3225000.32</v>
      </c>
      <c r="J165" s="12">
        <v>14252743.109999999</v>
      </c>
      <c r="K165" s="12">
        <v>0.08</v>
      </c>
      <c r="L165" s="12">
        <v>2369256.89</v>
      </c>
      <c r="M165" s="12">
        <v>0</v>
      </c>
    </row>
    <row r="166" spans="1:13" x14ac:dyDescent="0.25">
      <c r="A166" s="2" t="s">
        <v>327</v>
      </c>
      <c r="B166" s="4" t="s">
        <v>425</v>
      </c>
      <c r="C166" s="12">
        <v>5000</v>
      </c>
      <c r="D166" s="12">
        <v>500</v>
      </c>
      <c r="E166" s="12">
        <v>0</v>
      </c>
      <c r="F166" s="12">
        <v>0</v>
      </c>
      <c r="G166" s="12">
        <v>0</v>
      </c>
      <c r="H166" s="12">
        <v>500</v>
      </c>
      <c r="I166" s="12">
        <v>0</v>
      </c>
      <c r="J166" s="12">
        <v>0</v>
      </c>
      <c r="K166" s="12">
        <v>0</v>
      </c>
      <c r="L166" s="12">
        <v>500</v>
      </c>
      <c r="M166" s="12">
        <v>0</v>
      </c>
    </row>
    <row r="167" spans="1:13" x14ac:dyDescent="0.25">
      <c r="A167" s="2" t="s">
        <v>329</v>
      </c>
      <c r="B167" s="4" t="s">
        <v>430</v>
      </c>
      <c r="C167" s="12">
        <v>30380000</v>
      </c>
      <c r="D167" s="12">
        <v>29809025.739999998</v>
      </c>
      <c r="E167" s="12">
        <v>6819587.4900000002</v>
      </c>
      <c r="F167" s="12">
        <v>29588729.719999999</v>
      </c>
      <c r="G167" s="12">
        <v>0.16</v>
      </c>
      <c r="H167" s="12">
        <v>220296.02</v>
      </c>
      <c r="I167" s="12">
        <v>6819587.4900000002</v>
      </c>
      <c r="J167" s="12">
        <v>29588729.719999999</v>
      </c>
      <c r="K167" s="12">
        <v>0.17</v>
      </c>
      <c r="L167" s="12">
        <v>220296.02</v>
      </c>
      <c r="M167" s="12">
        <v>0</v>
      </c>
    </row>
    <row r="168" spans="1:13" x14ac:dyDescent="0.25">
      <c r="A168" s="3" t="s">
        <v>330</v>
      </c>
      <c r="B168" s="5" t="s">
        <v>431</v>
      </c>
      <c r="C168" s="11">
        <v>300665700</v>
      </c>
      <c r="D168" s="11">
        <v>401531951.74000001</v>
      </c>
      <c r="E168" s="11">
        <v>93283622.769999996</v>
      </c>
      <c r="F168" s="11">
        <v>390570580.56999999</v>
      </c>
      <c r="G168" s="11">
        <v>2.1</v>
      </c>
      <c r="H168" s="11">
        <v>10961371.17</v>
      </c>
      <c r="I168" s="11">
        <v>93283622.769999996</v>
      </c>
      <c r="J168" s="11">
        <v>390570580.56999999</v>
      </c>
      <c r="K168" s="11">
        <v>2.21</v>
      </c>
      <c r="L168" s="11">
        <v>10961371.17</v>
      </c>
      <c r="M168" s="11">
        <v>0</v>
      </c>
    </row>
    <row r="169" spans="1:13" x14ac:dyDescent="0.25">
      <c r="A169" s="2" t="s">
        <v>331</v>
      </c>
      <c r="B169" s="4" t="s">
        <v>423</v>
      </c>
      <c r="C169" s="12">
        <v>296232700</v>
      </c>
      <c r="D169" s="12">
        <v>397601392.16000003</v>
      </c>
      <c r="E169" s="12">
        <v>92577567.840000004</v>
      </c>
      <c r="F169" s="12">
        <v>387466910.18000001</v>
      </c>
      <c r="G169" s="12">
        <v>2.08</v>
      </c>
      <c r="H169" s="12">
        <v>10134481.98</v>
      </c>
      <c r="I169" s="12">
        <v>92577567.840000004</v>
      </c>
      <c r="J169" s="12">
        <v>387466910.18000001</v>
      </c>
      <c r="K169" s="12">
        <v>2.19</v>
      </c>
      <c r="L169" s="12">
        <v>10134481.98</v>
      </c>
      <c r="M169" s="12">
        <v>0</v>
      </c>
    </row>
    <row r="170" spans="1:13" x14ac:dyDescent="0.25">
      <c r="A170" s="2" t="s">
        <v>332</v>
      </c>
      <c r="B170" s="4" t="s">
        <v>432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  <c r="J170" s="12">
        <v>0</v>
      </c>
      <c r="K170" s="12">
        <v>0</v>
      </c>
      <c r="L170" s="12">
        <v>0</v>
      </c>
      <c r="M170" s="12">
        <v>0</v>
      </c>
    </row>
    <row r="171" spans="1:13" x14ac:dyDescent="0.25">
      <c r="A171" s="2" t="s">
        <v>333</v>
      </c>
      <c r="B171" s="4" t="s">
        <v>433</v>
      </c>
      <c r="C171" s="12">
        <v>4238000</v>
      </c>
      <c r="D171" s="12">
        <v>3555375.39</v>
      </c>
      <c r="E171" s="12">
        <v>675001.46</v>
      </c>
      <c r="F171" s="12">
        <v>2958129.61</v>
      </c>
      <c r="G171" s="12">
        <v>0.02</v>
      </c>
      <c r="H171" s="12">
        <v>597245.78</v>
      </c>
      <c r="I171" s="12">
        <v>675001.46</v>
      </c>
      <c r="J171" s="12">
        <v>2958129.61</v>
      </c>
      <c r="K171" s="12">
        <v>0.02</v>
      </c>
      <c r="L171" s="12">
        <v>597245.78</v>
      </c>
      <c r="M171" s="12">
        <v>0</v>
      </c>
    </row>
    <row r="172" spans="1:13" x14ac:dyDescent="0.25">
      <c r="A172" s="2" t="s">
        <v>334</v>
      </c>
      <c r="B172" s="4" t="s">
        <v>435</v>
      </c>
      <c r="C172" s="12">
        <v>195000</v>
      </c>
      <c r="D172" s="12">
        <v>375184.19</v>
      </c>
      <c r="E172" s="12">
        <v>31053.47</v>
      </c>
      <c r="F172" s="12">
        <v>145540.78</v>
      </c>
      <c r="G172" s="12">
        <v>0</v>
      </c>
      <c r="H172" s="12">
        <v>229643.41</v>
      </c>
      <c r="I172" s="12">
        <v>31053.47</v>
      </c>
      <c r="J172" s="12">
        <v>145540.78</v>
      </c>
      <c r="K172" s="12">
        <v>0</v>
      </c>
      <c r="L172" s="12">
        <v>229643.41</v>
      </c>
      <c r="M172" s="12">
        <v>0</v>
      </c>
    </row>
    <row r="173" spans="1:13" x14ac:dyDescent="0.25">
      <c r="A173" s="3" t="s">
        <v>335</v>
      </c>
      <c r="B173" s="5" t="s">
        <v>437</v>
      </c>
      <c r="C173" s="11">
        <v>227976000</v>
      </c>
      <c r="D173" s="11">
        <v>265688635.02000001</v>
      </c>
      <c r="E173" s="11">
        <v>54946034.509999998</v>
      </c>
      <c r="F173" s="11">
        <v>238630496.72999999</v>
      </c>
      <c r="G173" s="11">
        <v>1.28</v>
      </c>
      <c r="H173" s="11">
        <v>27058138.289999999</v>
      </c>
      <c r="I173" s="11">
        <v>55008318.200000003</v>
      </c>
      <c r="J173" s="11">
        <v>238630496.72999999</v>
      </c>
      <c r="K173" s="11">
        <v>1.35</v>
      </c>
      <c r="L173" s="11">
        <v>27058138.289999999</v>
      </c>
      <c r="M173" s="11">
        <v>0</v>
      </c>
    </row>
    <row r="174" spans="1:13" x14ac:dyDescent="0.25">
      <c r="A174" s="2" t="s">
        <v>336</v>
      </c>
      <c r="B174" s="4" t="s">
        <v>423</v>
      </c>
      <c r="C174" s="12">
        <v>227976000</v>
      </c>
      <c r="D174" s="12">
        <v>265688635.02000001</v>
      </c>
      <c r="E174" s="12">
        <v>54946034.509999998</v>
      </c>
      <c r="F174" s="12">
        <v>238630496.72999999</v>
      </c>
      <c r="G174" s="12">
        <v>1.28</v>
      </c>
      <c r="H174" s="12">
        <v>27058138.289999999</v>
      </c>
      <c r="I174" s="12">
        <v>55008318.200000003</v>
      </c>
      <c r="J174" s="12">
        <v>238630496.72999999</v>
      </c>
      <c r="K174" s="12">
        <v>1.35</v>
      </c>
      <c r="L174" s="12">
        <v>27058138.289999999</v>
      </c>
      <c r="M174" s="12">
        <v>0</v>
      </c>
    </row>
    <row r="175" spans="1:13" x14ac:dyDescent="0.25">
      <c r="A175" s="2" t="s">
        <v>337</v>
      </c>
      <c r="B175" s="4" t="s">
        <v>438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  <c r="J175" s="12">
        <v>0</v>
      </c>
      <c r="K175" s="12">
        <v>0</v>
      </c>
      <c r="L175" s="12">
        <v>0</v>
      </c>
      <c r="M175" s="12">
        <v>0</v>
      </c>
    </row>
    <row r="176" spans="1:13" x14ac:dyDescent="0.25">
      <c r="A176" s="3" t="s">
        <v>339</v>
      </c>
      <c r="B176" s="5" t="s">
        <v>442</v>
      </c>
      <c r="C176" s="11">
        <v>9100000</v>
      </c>
      <c r="D176" s="11">
        <v>16856107.629999999</v>
      </c>
      <c r="E176" s="11">
        <v>1909483.97</v>
      </c>
      <c r="F176" s="11">
        <v>8318808.2000000002</v>
      </c>
      <c r="G176" s="11">
        <v>0.04</v>
      </c>
      <c r="H176" s="11">
        <v>8537299.4299999997</v>
      </c>
      <c r="I176" s="11">
        <v>1909483.97</v>
      </c>
      <c r="J176" s="11">
        <v>8318808.2000000002</v>
      </c>
      <c r="K176" s="11">
        <v>0.05</v>
      </c>
      <c r="L176" s="11">
        <v>8537299.4299999997</v>
      </c>
      <c r="M176" s="11">
        <v>0</v>
      </c>
    </row>
    <row r="177" spans="1:13" x14ac:dyDescent="0.25">
      <c r="A177" s="2" t="s">
        <v>341</v>
      </c>
      <c r="B177" s="4" t="s">
        <v>423</v>
      </c>
      <c r="C177" s="12">
        <v>9100000</v>
      </c>
      <c r="D177" s="12">
        <v>16856107.629999999</v>
      </c>
      <c r="E177" s="12">
        <v>1909483.97</v>
      </c>
      <c r="F177" s="12">
        <v>8318808.2000000002</v>
      </c>
      <c r="G177" s="12">
        <v>0.04</v>
      </c>
      <c r="H177" s="12">
        <v>8537299.4299999997</v>
      </c>
      <c r="I177" s="12">
        <v>1909483.97</v>
      </c>
      <c r="J177" s="12">
        <v>8318808.2000000002</v>
      </c>
      <c r="K177" s="12">
        <v>0.05</v>
      </c>
      <c r="L177" s="12">
        <v>8537299.4299999997</v>
      </c>
      <c r="M177" s="12">
        <v>0</v>
      </c>
    </row>
    <row r="178" spans="1:13" x14ac:dyDescent="0.25">
      <c r="A178" s="2" t="s">
        <v>343</v>
      </c>
      <c r="B178" s="4" t="s">
        <v>444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  <c r="J178" s="12">
        <v>0</v>
      </c>
      <c r="K178" s="12">
        <v>0</v>
      </c>
      <c r="L178" s="12">
        <v>0</v>
      </c>
      <c r="M178" s="12">
        <v>0</v>
      </c>
    </row>
    <row r="179" spans="1:13" x14ac:dyDescent="0.25">
      <c r="A179" s="3" t="s">
        <v>345</v>
      </c>
      <c r="B179" s="5" t="s">
        <v>448</v>
      </c>
      <c r="C179" s="11">
        <v>4947600</v>
      </c>
      <c r="D179" s="11">
        <v>99856415.409999996</v>
      </c>
      <c r="E179" s="11">
        <v>22729753.469999999</v>
      </c>
      <c r="F179" s="11">
        <v>99301686.849999994</v>
      </c>
      <c r="G179" s="11">
        <v>0.54</v>
      </c>
      <c r="H179" s="11">
        <v>554728.56000000006</v>
      </c>
      <c r="I179" s="11">
        <v>22737955.27</v>
      </c>
      <c r="J179" s="11">
        <v>99301686.849999994</v>
      </c>
      <c r="K179" s="11">
        <v>0.56000000000000005</v>
      </c>
      <c r="L179" s="11">
        <v>554728.56000000006</v>
      </c>
      <c r="M179" s="11">
        <v>0</v>
      </c>
    </row>
    <row r="180" spans="1:13" x14ac:dyDescent="0.25">
      <c r="A180" s="2" t="s">
        <v>348</v>
      </c>
      <c r="B180" s="4" t="s">
        <v>423</v>
      </c>
      <c r="C180" s="12">
        <v>0</v>
      </c>
      <c r="D180" s="12">
        <v>51508789.119999997</v>
      </c>
      <c r="E180" s="12">
        <v>12101482.6</v>
      </c>
      <c r="F180" s="12">
        <v>51447869.200000003</v>
      </c>
      <c r="G180" s="12">
        <v>0.28000000000000003</v>
      </c>
      <c r="H180" s="12">
        <v>60919.92</v>
      </c>
      <c r="I180" s="12">
        <v>12109684.4</v>
      </c>
      <c r="J180" s="12">
        <v>51447869.200000003</v>
      </c>
      <c r="K180" s="12">
        <v>0.28999999999999998</v>
      </c>
      <c r="L180" s="12">
        <v>60919.92</v>
      </c>
      <c r="M180" s="12">
        <v>0</v>
      </c>
    </row>
    <row r="181" spans="1:13" x14ac:dyDescent="0.25">
      <c r="A181" s="2" t="s">
        <v>350</v>
      </c>
      <c r="B181" s="4" t="s">
        <v>450</v>
      </c>
      <c r="C181" s="12">
        <v>4947600</v>
      </c>
      <c r="D181" s="12">
        <v>48347626.289999999</v>
      </c>
      <c r="E181" s="12">
        <v>10628270.869999999</v>
      </c>
      <c r="F181" s="12">
        <v>47853817.649999999</v>
      </c>
      <c r="G181" s="12">
        <v>0.26</v>
      </c>
      <c r="H181" s="12">
        <v>493808.64000000001</v>
      </c>
      <c r="I181" s="12">
        <v>10628270.869999999</v>
      </c>
      <c r="J181" s="12">
        <v>47853817.649999999</v>
      </c>
      <c r="K181" s="12">
        <v>0.27</v>
      </c>
      <c r="L181" s="12">
        <v>493808.64000000001</v>
      </c>
      <c r="M181" s="12">
        <v>0</v>
      </c>
    </row>
    <row r="182" spans="1:13" x14ac:dyDescent="0.25">
      <c r="A182" s="3" t="s">
        <v>352</v>
      </c>
      <c r="B182" s="5" t="s">
        <v>456</v>
      </c>
      <c r="C182" s="11">
        <v>1805000</v>
      </c>
      <c r="D182" s="11">
        <v>2955098.42</v>
      </c>
      <c r="E182" s="11">
        <v>602277.36</v>
      </c>
      <c r="F182" s="11">
        <v>2807175.49</v>
      </c>
      <c r="G182" s="11">
        <v>0.02</v>
      </c>
      <c r="H182" s="11">
        <v>147922.93</v>
      </c>
      <c r="I182" s="11">
        <v>602277.36</v>
      </c>
      <c r="J182" s="11">
        <v>2807175.49</v>
      </c>
      <c r="K182" s="11">
        <v>0.02</v>
      </c>
      <c r="L182" s="11">
        <v>147922.93</v>
      </c>
      <c r="M182" s="11">
        <v>0</v>
      </c>
    </row>
    <row r="183" spans="1:13" x14ac:dyDescent="0.25">
      <c r="A183" s="2" t="s">
        <v>354</v>
      </c>
      <c r="B183" s="4" t="s">
        <v>423</v>
      </c>
      <c r="C183" s="12">
        <v>1805000</v>
      </c>
      <c r="D183" s="12">
        <v>2955098.42</v>
      </c>
      <c r="E183" s="12">
        <v>602277.36</v>
      </c>
      <c r="F183" s="12">
        <v>2807175.49</v>
      </c>
      <c r="G183" s="12">
        <v>0.02</v>
      </c>
      <c r="H183" s="12">
        <v>147922.93</v>
      </c>
      <c r="I183" s="12">
        <v>602277.36</v>
      </c>
      <c r="J183" s="12">
        <v>2807175.49</v>
      </c>
      <c r="K183" s="12">
        <v>0.02</v>
      </c>
      <c r="L183" s="12">
        <v>147922.93</v>
      </c>
      <c r="M183" s="12">
        <v>0</v>
      </c>
    </row>
    <row r="184" spans="1:13" x14ac:dyDescent="0.25">
      <c r="A184" s="3" t="s">
        <v>356</v>
      </c>
      <c r="B184" s="5" t="s">
        <v>458</v>
      </c>
      <c r="C184" s="11">
        <v>654643400</v>
      </c>
      <c r="D184" s="11">
        <v>890578281.94000006</v>
      </c>
      <c r="E184" s="11">
        <v>200199067.63999999</v>
      </c>
      <c r="F184" s="11">
        <v>863280578.63999999</v>
      </c>
      <c r="G184" s="11">
        <v>4.6399999999999997</v>
      </c>
      <c r="H184" s="11">
        <v>27297703.300000001</v>
      </c>
      <c r="I184" s="11">
        <v>200199365.87</v>
      </c>
      <c r="J184" s="11">
        <v>863280578.63999999</v>
      </c>
      <c r="K184" s="11">
        <v>4.8899999999999997</v>
      </c>
      <c r="L184" s="11">
        <v>27297703.300000001</v>
      </c>
      <c r="M184" s="11">
        <v>0</v>
      </c>
    </row>
    <row r="185" spans="1:13" x14ac:dyDescent="0.25">
      <c r="A185" s="2" t="s">
        <v>358</v>
      </c>
      <c r="B185" s="4" t="s">
        <v>423</v>
      </c>
      <c r="C185" s="12">
        <v>654398900</v>
      </c>
      <c r="D185" s="12">
        <v>890578281.94000006</v>
      </c>
      <c r="E185" s="12">
        <v>200199067.63999999</v>
      </c>
      <c r="F185" s="12">
        <v>863280578.63999999</v>
      </c>
      <c r="G185" s="12">
        <v>4.6399999999999997</v>
      </c>
      <c r="H185" s="12">
        <v>27297703.300000001</v>
      </c>
      <c r="I185" s="12">
        <v>200199365.87</v>
      </c>
      <c r="J185" s="12">
        <v>863280578.63999999</v>
      </c>
      <c r="K185" s="12">
        <v>4.8899999999999997</v>
      </c>
      <c r="L185" s="12">
        <v>27297703.300000001</v>
      </c>
      <c r="M185" s="12">
        <v>0</v>
      </c>
    </row>
    <row r="186" spans="1:13" x14ac:dyDescent="0.25">
      <c r="A186" s="2" t="s">
        <v>360</v>
      </c>
      <c r="B186" s="4" t="s">
        <v>464</v>
      </c>
      <c r="C186" s="12">
        <v>244500</v>
      </c>
      <c r="D186" s="12">
        <v>0</v>
      </c>
      <c r="E186" s="12">
        <v>0</v>
      </c>
      <c r="F186" s="12">
        <v>0</v>
      </c>
      <c r="G186" s="12">
        <v>0</v>
      </c>
      <c r="H186" s="12">
        <v>0</v>
      </c>
      <c r="I186" s="12">
        <v>0</v>
      </c>
      <c r="J186" s="12">
        <v>0</v>
      </c>
      <c r="K186" s="12">
        <v>0</v>
      </c>
      <c r="L186" s="12">
        <v>0</v>
      </c>
      <c r="M186" s="12">
        <v>0</v>
      </c>
    </row>
    <row r="187" spans="1:13" x14ac:dyDescent="0.25">
      <c r="A187" s="3" t="s">
        <v>362</v>
      </c>
      <c r="B187" s="5" t="s">
        <v>466</v>
      </c>
      <c r="C187" s="11">
        <v>3334600</v>
      </c>
      <c r="D187" s="11">
        <v>2469383.46</v>
      </c>
      <c r="E187" s="11">
        <v>399859.74</v>
      </c>
      <c r="F187" s="11">
        <v>2321880.2799999998</v>
      </c>
      <c r="G187" s="11">
        <v>0.01</v>
      </c>
      <c r="H187" s="11">
        <v>147503.18</v>
      </c>
      <c r="I187" s="11">
        <v>399859.74</v>
      </c>
      <c r="J187" s="11">
        <v>2321880.2799999998</v>
      </c>
      <c r="K187" s="11">
        <v>0.01</v>
      </c>
      <c r="L187" s="11">
        <v>147503.18</v>
      </c>
      <c r="M187" s="11">
        <v>0</v>
      </c>
    </row>
    <row r="188" spans="1:13" x14ac:dyDescent="0.25">
      <c r="A188" s="2" t="s">
        <v>364</v>
      </c>
      <c r="B188" s="4" t="s">
        <v>423</v>
      </c>
      <c r="C188" s="12">
        <v>3334600</v>
      </c>
      <c r="D188" s="12">
        <v>2469383.46</v>
      </c>
      <c r="E188" s="12">
        <v>399859.74</v>
      </c>
      <c r="F188" s="12">
        <v>2321880.2799999998</v>
      </c>
      <c r="G188" s="12">
        <v>0.01</v>
      </c>
      <c r="H188" s="12">
        <v>147503.18</v>
      </c>
      <c r="I188" s="12">
        <v>399859.74</v>
      </c>
      <c r="J188" s="12">
        <v>2321880.2799999998</v>
      </c>
      <c r="K188" s="12">
        <v>0.01</v>
      </c>
      <c r="L188" s="12">
        <v>147503.18</v>
      </c>
      <c r="M188" s="12">
        <v>0</v>
      </c>
    </row>
    <row r="189" spans="1:13" x14ac:dyDescent="0.25">
      <c r="A189" s="3" t="s">
        <v>366</v>
      </c>
      <c r="B189" s="5" t="s">
        <v>469</v>
      </c>
      <c r="C189" s="11">
        <v>49660000</v>
      </c>
      <c r="D189" s="11">
        <v>49660000</v>
      </c>
      <c r="E189" s="11">
        <v>10590609.26</v>
      </c>
      <c r="F189" s="11">
        <v>49206230.009999998</v>
      </c>
      <c r="G189" s="11">
        <v>0.26</v>
      </c>
      <c r="H189" s="11">
        <v>453769.99</v>
      </c>
      <c r="I189" s="11">
        <v>10590609.26</v>
      </c>
      <c r="J189" s="11">
        <v>49206230.009999998</v>
      </c>
      <c r="K189" s="11">
        <v>0.28000000000000003</v>
      </c>
      <c r="L189" s="11">
        <v>453769.99</v>
      </c>
      <c r="M189" s="11">
        <v>0</v>
      </c>
    </row>
    <row r="190" spans="1:13" x14ac:dyDescent="0.25">
      <c r="A190" s="2" t="s">
        <v>519</v>
      </c>
      <c r="B190" s="4" t="s">
        <v>434</v>
      </c>
      <c r="C190" s="12">
        <v>0</v>
      </c>
      <c r="D190" s="12">
        <v>0</v>
      </c>
      <c r="E190" s="12">
        <v>0</v>
      </c>
      <c r="F190" s="12">
        <v>0</v>
      </c>
      <c r="G190" s="12">
        <v>0</v>
      </c>
      <c r="H190" s="12">
        <v>0</v>
      </c>
      <c r="I190" s="12">
        <v>0</v>
      </c>
      <c r="J190" s="12">
        <v>0</v>
      </c>
      <c r="K190" s="12">
        <v>0</v>
      </c>
      <c r="L190" s="12">
        <v>0</v>
      </c>
      <c r="M190" s="12">
        <v>0</v>
      </c>
    </row>
    <row r="191" spans="1:13" x14ac:dyDescent="0.25">
      <c r="A191" s="2" t="s">
        <v>520</v>
      </c>
      <c r="B191" s="4" t="s">
        <v>441</v>
      </c>
      <c r="C191" s="12">
        <v>49660000</v>
      </c>
      <c r="D191" s="12">
        <v>49660000</v>
      </c>
      <c r="E191" s="12">
        <v>10590609.26</v>
      </c>
      <c r="F191" s="12">
        <v>49206230.009999998</v>
      </c>
      <c r="G191" s="12">
        <v>0.26</v>
      </c>
      <c r="H191" s="12">
        <v>453769.99</v>
      </c>
      <c r="I191" s="12">
        <v>10590609.26</v>
      </c>
      <c r="J191" s="12">
        <v>49206230.009999998</v>
      </c>
      <c r="K191" s="12">
        <v>0.28000000000000003</v>
      </c>
      <c r="L191" s="12">
        <v>453769.99</v>
      </c>
      <c r="M191" s="12">
        <v>0</v>
      </c>
    </row>
    <row r="192" spans="1:13" x14ac:dyDescent="0.25">
      <c r="A192" s="3" t="s">
        <v>521</v>
      </c>
      <c r="B192" s="5" t="s">
        <v>473</v>
      </c>
      <c r="C192" s="11">
        <v>1335800</v>
      </c>
      <c r="D192" s="11">
        <v>1356800</v>
      </c>
      <c r="E192" s="11">
        <v>304666.23</v>
      </c>
      <c r="F192" s="11">
        <v>1350165.62</v>
      </c>
      <c r="G192" s="11">
        <v>0.01</v>
      </c>
      <c r="H192" s="11">
        <v>6634.38</v>
      </c>
      <c r="I192" s="11">
        <v>304666.23</v>
      </c>
      <c r="J192" s="11">
        <v>1350165.62</v>
      </c>
      <c r="K192" s="11">
        <v>0.01</v>
      </c>
      <c r="L192" s="11">
        <v>6634.38</v>
      </c>
      <c r="M192" s="11">
        <v>0</v>
      </c>
    </row>
    <row r="193" spans="1:13" x14ac:dyDescent="0.25">
      <c r="A193" s="2" t="s">
        <v>522</v>
      </c>
      <c r="B193" s="4" t="s">
        <v>423</v>
      </c>
      <c r="C193" s="12">
        <v>1335800</v>
      </c>
      <c r="D193" s="12">
        <v>1356800</v>
      </c>
      <c r="E193" s="12">
        <v>304666.23</v>
      </c>
      <c r="F193" s="12">
        <v>1350165.62</v>
      </c>
      <c r="G193" s="12">
        <v>0.01</v>
      </c>
      <c r="H193" s="12">
        <v>6634.38</v>
      </c>
      <c r="I193" s="12">
        <v>304666.23</v>
      </c>
      <c r="J193" s="12">
        <v>1350165.62</v>
      </c>
      <c r="K193" s="12">
        <v>0.01</v>
      </c>
      <c r="L193" s="12">
        <v>6634.38</v>
      </c>
      <c r="M193" s="12">
        <v>0</v>
      </c>
    </row>
    <row r="194" spans="1:13" x14ac:dyDescent="0.25">
      <c r="A194" s="3" t="s">
        <v>523</v>
      </c>
      <c r="B194" s="5" t="s">
        <v>477</v>
      </c>
      <c r="C194" s="11">
        <v>10000000</v>
      </c>
      <c r="D194" s="11">
        <v>10118148.189999999</v>
      </c>
      <c r="E194" s="11">
        <v>1454252.3</v>
      </c>
      <c r="F194" s="11">
        <v>6772559.8099999996</v>
      </c>
      <c r="G194" s="11">
        <v>0.04</v>
      </c>
      <c r="H194" s="11">
        <v>3345588.38</v>
      </c>
      <c r="I194" s="11">
        <v>1454252.3</v>
      </c>
      <c r="J194" s="11">
        <v>6772559.8099999996</v>
      </c>
      <c r="K194" s="11">
        <v>0.04</v>
      </c>
      <c r="L194" s="11">
        <v>3345588.38</v>
      </c>
      <c r="M194" s="11">
        <v>0</v>
      </c>
    </row>
    <row r="195" spans="1:13" x14ac:dyDescent="0.25">
      <c r="A195" s="2" t="s">
        <v>524</v>
      </c>
      <c r="B195" s="4" t="s">
        <v>423</v>
      </c>
      <c r="C195" s="12">
        <v>10000000</v>
      </c>
      <c r="D195" s="12">
        <v>10118148.189999999</v>
      </c>
      <c r="E195" s="12">
        <v>1454252.3</v>
      </c>
      <c r="F195" s="12">
        <v>6772559.8099999996</v>
      </c>
      <c r="G195" s="12">
        <v>0.04</v>
      </c>
      <c r="H195" s="12">
        <v>3345588.38</v>
      </c>
      <c r="I195" s="12">
        <v>1454252.3</v>
      </c>
      <c r="J195" s="12">
        <v>6772559.8099999996</v>
      </c>
      <c r="K195" s="12">
        <v>0.04</v>
      </c>
      <c r="L195" s="12">
        <v>3345588.38</v>
      </c>
      <c r="M195" s="12">
        <v>0</v>
      </c>
    </row>
    <row r="196" spans="1:13" x14ac:dyDescent="0.25">
      <c r="A196" s="3" t="s">
        <v>525</v>
      </c>
      <c r="B196" s="5" t="s">
        <v>484</v>
      </c>
      <c r="C196" s="11">
        <v>39525000</v>
      </c>
      <c r="D196" s="11">
        <v>42855085</v>
      </c>
      <c r="E196" s="11">
        <v>9370703.2400000002</v>
      </c>
      <c r="F196" s="11">
        <v>41071118.670000002</v>
      </c>
      <c r="G196" s="11">
        <v>0.22</v>
      </c>
      <c r="H196" s="11">
        <v>1783966.33</v>
      </c>
      <c r="I196" s="11">
        <v>9370703.2400000002</v>
      </c>
      <c r="J196" s="11">
        <v>41071118.670000002</v>
      </c>
      <c r="K196" s="11">
        <v>0.23</v>
      </c>
      <c r="L196" s="11">
        <v>1783966.33</v>
      </c>
      <c r="M196" s="11">
        <v>0</v>
      </c>
    </row>
    <row r="197" spans="1:13" x14ac:dyDescent="0.25">
      <c r="A197" s="2" t="s">
        <v>526</v>
      </c>
      <c r="B197" s="4" t="s">
        <v>423</v>
      </c>
      <c r="C197" s="12">
        <v>39525000</v>
      </c>
      <c r="D197" s="12">
        <v>42855085</v>
      </c>
      <c r="E197" s="12">
        <v>9370703.2400000002</v>
      </c>
      <c r="F197" s="12">
        <v>41071118.670000002</v>
      </c>
      <c r="G197" s="12">
        <v>0.22</v>
      </c>
      <c r="H197" s="12">
        <v>1783966.33</v>
      </c>
      <c r="I197" s="12">
        <v>9370703.2400000002</v>
      </c>
      <c r="J197" s="12">
        <v>41071118.670000002</v>
      </c>
      <c r="K197" s="12">
        <v>0.23</v>
      </c>
      <c r="L197" s="12">
        <v>1783966.33</v>
      </c>
      <c r="M197" s="12">
        <v>0</v>
      </c>
    </row>
    <row r="198" spans="1:13" x14ac:dyDescent="0.25">
      <c r="A198" s="3" t="s">
        <v>527</v>
      </c>
      <c r="B198" s="5" t="s">
        <v>492</v>
      </c>
      <c r="C198" s="11">
        <v>0</v>
      </c>
      <c r="D198" s="11">
        <v>10000000</v>
      </c>
      <c r="E198" s="11">
        <v>0</v>
      </c>
      <c r="F198" s="11">
        <v>10000000</v>
      </c>
      <c r="G198" s="11">
        <v>0.05</v>
      </c>
      <c r="H198" s="11">
        <v>0</v>
      </c>
      <c r="I198" s="11">
        <v>0</v>
      </c>
      <c r="J198" s="11">
        <v>10000000</v>
      </c>
      <c r="K198" s="11">
        <v>0.06</v>
      </c>
      <c r="L198" s="11">
        <v>0</v>
      </c>
      <c r="M198" s="11">
        <v>0</v>
      </c>
    </row>
    <row r="199" spans="1:13" x14ac:dyDescent="0.25">
      <c r="A199" s="2" t="s">
        <v>528</v>
      </c>
      <c r="B199" s="4" t="s">
        <v>493</v>
      </c>
      <c r="C199" s="12">
        <v>0</v>
      </c>
      <c r="D199" s="12">
        <v>10000000</v>
      </c>
      <c r="E199" s="12">
        <v>0</v>
      </c>
      <c r="F199" s="12">
        <v>10000000</v>
      </c>
      <c r="G199" s="12">
        <v>0.05</v>
      </c>
      <c r="H199" s="12">
        <v>0</v>
      </c>
      <c r="I199" s="12">
        <v>0</v>
      </c>
      <c r="J199" s="12">
        <v>10000000</v>
      </c>
      <c r="K199" s="12">
        <v>0.06</v>
      </c>
      <c r="L199" s="12">
        <v>0</v>
      </c>
      <c r="M199" s="12">
        <v>0</v>
      </c>
    </row>
    <row r="200" spans="1:13" x14ac:dyDescent="0.25">
      <c r="A200" s="3" t="s">
        <v>529</v>
      </c>
      <c r="B200" s="5" t="s">
        <v>494</v>
      </c>
      <c r="C200" s="11">
        <v>3724000</v>
      </c>
      <c r="D200" s="11">
        <v>3994000</v>
      </c>
      <c r="E200" s="11">
        <v>556300.15</v>
      </c>
      <c r="F200" s="11">
        <v>3385227.92</v>
      </c>
      <c r="G200" s="11">
        <v>0.02</v>
      </c>
      <c r="H200" s="11">
        <v>608772.07999999996</v>
      </c>
      <c r="I200" s="11">
        <v>556300.15</v>
      </c>
      <c r="J200" s="11">
        <v>3385227.92</v>
      </c>
      <c r="K200" s="11">
        <v>0.02</v>
      </c>
      <c r="L200" s="11">
        <v>608772.07999999996</v>
      </c>
      <c r="M200" s="11">
        <v>0</v>
      </c>
    </row>
    <row r="201" spans="1:13" x14ac:dyDescent="0.25">
      <c r="A201" s="2" t="s">
        <v>530</v>
      </c>
      <c r="B201" s="4" t="s">
        <v>495</v>
      </c>
      <c r="C201" s="12">
        <v>1644000</v>
      </c>
      <c r="D201" s="12">
        <v>1914000</v>
      </c>
      <c r="E201" s="12">
        <v>371634.3</v>
      </c>
      <c r="F201" s="12">
        <v>1636391.44</v>
      </c>
      <c r="G201" s="12">
        <v>0.01</v>
      </c>
      <c r="H201" s="12">
        <v>277608.56</v>
      </c>
      <c r="I201" s="12">
        <v>371634.3</v>
      </c>
      <c r="J201" s="12">
        <v>1636391.44</v>
      </c>
      <c r="K201" s="12">
        <v>0.01</v>
      </c>
      <c r="L201" s="12">
        <v>277608.56</v>
      </c>
      <c r="M201" s="12">
        <v>0</v>
      </c>
    </row>
    <row r="202" spans="1:13" x14ac:dyDescent="0.25">
      <c r="A202" s="2" t="s">
        <v>531</v>
      </c>
      <c r="B202" s="4" t="s">
        <v>497</v>
      </c>
      <c r="C202" s="12">
        <v>2080000</v>
      </c>
      <c r="D202" s="12">
        <v>2080000</v>
      </c>
      <c r="E202" s="12">
        <v>184665.85</v>
      </c>
      <c r="F202" s="12">
        <v>1748836.48</v>
      </c>
      <c r="G202" s="12">
        <v>0.01</v>
      </c>
      <c r="H202" s="12">
        <v>331163.52000000002</v>
      </c>
      <c r="I202" s="12">
        <v>184665.85</v>
      </c>
      <c r="J202" s="12">
        <v>1748836.48</v>
      </c>
      <c r="K202" s="12">
        <v>0.01</v>
      </c>
      <c r="L202" s="12">
        <v>331163.52000000002</v>
      </c>
      <c r="M202" s="12">
        <v>0</v>
      </c>
    </row>
    <row r="203" spans="1:13" x14ac:dyDescent="0.25">
      <c r="A203" s="3" t="s">
        <v>532</v>
      </c>
      <c r="B203" s="5" t="s">
        <v>504</v>
      </c>
      <c r="C203" s="11">
        <v>35878800</v>
      </c>
      <c r="D203" s="11">
        <v>41515024.07</v>
      </c>
      <c r="E203" s="11">
        <v>8753106.5199999996</v>
      </c>
      <c r="F203" s="11">
        <v>38297567.93</v>
      </c>
      <c r="G203" s="11">
        <v>0.21</v>
      </c>
      <c r="H203" s="11">
        <v>3217456.14</v>
      </c>
      <c r="I203" s="11">
        <v>8753106.5199999996</v>
      </c>
      <c r="J203" s="11">
        <v>38297567.93</v>
      </c>
      <c r="K203" s="11">
        <v>0.22</v>
      </c>
      <c r="L203" s="11">
        <v>3217456.14</v>
      </c>
      <c r="M203" s="11">
        <v>0</v>
      </c>
    </row>
    <row r="204" spans="1:13" x14ac:dyDescent="0.25">
      <c r="A204" s="2" t="s">
        <v>533</v>
      </c>
      <c r="B204" s="4" t="s">
        <v>423</v>
      </c>
      <c r="C204" s="12">
        <v>35878800</v>
      </c>
      <c r="D204" s="12">
        <v>41515024.07</v>
      </c>
      <c r="E204" s="12">
        <v>8753106.5199999996</v>
      </c>
      <c r="F204" s="12">
        <v>38297567.93</v>
      </c>
      <c r="G204" s="12">
        <v>0.21</v>
      </c>
      <c r="H204" s="12">
        <v>3217456.14</v>
      </c>
      <c r="I204" s="12">
        <v>8753106.5199999996</v>
      </c>
      <c r="J204" s="12">
        <v>38297567.93</v>
      </c>
      <c r="K204" s="12">
        <v>0.22</v>
      </c>
      <c r="L204" s="12">
        <v>3217456.14</v>
      </c>
      <c r="M204" s="12">
        <v>0</v>
      </c>
    </row>
    <row r="205" spans="1:13" x14ac:dyDescent="0.25">
      <c r="A205" s="3" t="s">
        <v>534</v>
      </c>
      <c r="B205" s="5" t="s">
        <v>509</v>
      </c>
      <c r="C205" s="11">
        <v>0</v>
      </c>
      <c r="D205" s="11">
        <v>409353.48</v>
      </c>
      <c r="E205" s="11">
        <v>101150.17</v>
      </c>
      <c r="F205" s="11">
        <v>405577.19</v>
      </c>
      <c r="G205" s="11">
        <v>0</v>
      </c>
      <c r="H205" s="11">
        <v>3776.29</v>
      </c>
      <c r="I205" s="11">
        <v>101550.75</v>
      </c>
      <c r="J205" s="11">
        <v>405577.19</v>
      </c>
      <c r="K205" s="11">
        <v>0</v>
      </c>
      <c r="L205" s="11">
        <v>3776.29</v>
      </c>
      <c r="M205" s="11">
        <v>0</v>
      </c>
    </row>
    <row r="206" spans="1:13" x14ac:dyDescent="0.25">
      <c r="A206" s="2" t="s">
        <v>535</v>
      </c>
      <c r="B206" s="4" t="s">
        <v>511</v>
      </c>
      <c r="C206" s="12">
        <v>0</v>
      </c>
      <c r="D206" s="12">
        <v>409353.48</v>
      </c>
      <c r="E206" s="12">
        <v>101150.17</v>
      </c>
      <c r="F206" s="12">
        <v>405577.19</v>
      </c>
      <c r="G206" s="12">
        <v>0</v>
      </c>
      <c r="H206" s="12">
        <v>3776.29</v>
      </c>
      <c r="I206" s="12">
        <v>101550.75</v>
      </c>
      <c r="J206" s="12">
        <v>405577.19</v>
      </c>
      <c r="K206" s="12">
        <v>0</v>
      </c>
      <c r="L206" s="12">
        <v>3776.29</v>
      </c>
      <c r="M206" s="12">
        <v>0</v>
      </c>
    </row>
    <row r="207" spans="1:13" x14ac:dyDescent="0.25">
      <c r="A207" s="3" t="s">
        <v>536</v>
      </c>
      <c r="B207" s="5" t="s">
        <v>512</v>
      </c>
      <c r="C207" s="11">
        <v>42220100</v>
      </c>
      <c r="D207" s="11">
        <v>29156385.960000001</v>
      </c>
      <c r="E207" s="11">
        <v>6230631.1799999997</v>
      </c>
      <c r="F207" s="11">
        <v>28472402.629999999</v>
      </c>
      <c r="G207" s="11">
        <v>0.15</v>
      </c>
      <c r="H207" s="11">
        <v>683983.33</v>
      </c>
      <c r="I207" s="11">
        <v>6230631.1799999997</v>
      </c>
      <c r="J207" s="11">
        <v>28472402.629999999</v>
      </c>
      <c r="K207" s="11">
        <v>0.16</v>
      </c>
      <c r="L207" s="11">
        <v>683983.33</v>
      </c>
      <c r="M207" s="11">
        <v>0</v>
      </c>
    </row>
    <row r="208" spans="1:13" x14ac:dyDescent="0.25">
      <c r="A208" s="2" t="s">
        <v>537</v>
      </c>
      <c r="B208" s="4" t="s">
        <v>446</v>
      </c>
      <c r="C208" s="12">
        <v>4440100</v>
      </c>
      <c r="D208" s="12">
        <v>9640100</v>
      </c>
      <c r="E208" s="12">
        <v>1778528.74</v>
      </c>
      <c r="F208" s="12">
        <v>9314425.0800000001</v>
      </c>
      <c r="G208" s="12">
        <v>0.05</v>
      </c>
      <c r="H208" s="12">
        <v>325674.92</v>
      </c>
      <c r="I208" s="12">
        <v>1778528.74</v>
      </c>
      <c r="J208" s="12">
        <v>9314425.0800000001</v>
      </c>
      <c r="K208" s="12">
        <v>0.05</v>
      </c>
      <c r="L208" s="12">
        <v>325674.92</v>
      </c>
      <c r="M208" s="12">
        <v>0</v>
      </c>
    </row>
    <row r="209" spans="1:13" x14ac:dyDescent="0.25">
      <c r="A209" s="2" t="s">
        <v>538</v>
      </c>
      <c r="B209" s="4" t="s">
        <v>420</v>
      </c>
      <c r="C209" s="12">
        <v>37780000</v>
      </c>
      <c r="D209" s="12">
        <v>19516285.960000001</v>
      </c>
      <c r="E209" s="12">
        <v>4452102.4400000004</v>
      </c>
      <c r="F209" s="12">
        <v>19157977.550000001</v>
      </c>
      <c r="G209" s="12">
        <v>0.1</v>
      </c>
      <c r="H209" s="12">
        <v>358308.41</v>
      </c>
      <c r="I209" s="12">
        <v>4452102.4400000004</v>
      </c>
      <c r="J209" s="12">
        <v>19157977.550000001</v>
      </c>
      <c r="K209" s="12">
        <v>0.11</v>
      </c>
      <c r="L209" s="12">
        <v>358308.41</v>
      </c>
      <c r="M209" s="12">
        <v>0</v>
      </c>
    </row>
    <row r="210" spans="1:13" x14ac:dyDescent="0.25">
      <c r="A210" s="3" t="s">
        <v>539</v>
      </c>
      <c r="B210" s="5" t="s">
        <v>540</v>
      </c>
      <c r="C210" s="11">
        <v>16823704500</v>
      </c>
      <c r="D210" s="11">
        <v>21997773643.43</v>
      </c>
      <c r="E210" s="11">
        <v>3379379118.3000002</v>
      </c>
      <c r="F210" s="11">
        <v>18602311882.5</v>
      </c>
      <c r="G210" s="11">
        <v>99.94</v>
      </c>
      <c r="H210" s="11">
        <v>3395461760.9299998</v>
      </c>
      <c r="I210" s="11">
        <v>4034808621.8099999</v>
      </c>
      <c r="J210" s="11">
        <v>17653569119.009998</v>
      </c>
      <c r="K210" s="11">
        <v>99.96</v>
      </c>
      <c r="L210" s="11">
        <v>4344204524.4200001</v>
      </c>
      <c r="M210" s="11">
        <v>948742763.49000001</v>
      </c>
    </row>
  </sheetData>
  <mergeCells count="15">
    <mergeCell ref="A9:M9"/>
    <mergeCell ref="A10:A11"/>
    <mergeCell ref="B10:B11"/>
    <mergeCell ref="C10:C11"/>
    <mergeCell ref="D10:D11"/>
    <mergeCell ref="E10:G10"/>
    <mergeCell ref="H10:H11"/>
    <mergeCell ref="I10:K10"/>
    <mergeCell ref="L10:L11"/>
    <mergeCell ref="M10:M11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workbookViewId="0"/>
  </sheetViews>
  <sheetFormatPr defaultRowHeight="15" x14ac:dyDescent="0.25"/>
  <cols>
    <col min="2" max="2" width="106.85546875" bestFit="1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541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42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543</v>
      </c>
      <c r="C10" s="10" t="s">
        <v>370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44</v>
      </c>
      <c r="P10" s="10" t="s">
        <v>545</v>
      </c>
    </row>
    <row r="11" spans="1:16" ht="21" x14ac:dyDescent="0.25">
      <c r="A11" s="10" t="s">
        <v>7</v>
      </c>
      <c r="B11" s="10" t="s">
        <v>7</v>
      </c>
      <c r="C11" s="1" t="s">
        <v>371</v>
      </c>
      <c r="D11" s="1" t="s">
        <v>372</v>
      </c>
      <c r="E11" s="1" t="s">
        <v>373</v>
      </c>
      <c r="F11" s="1" t="s">
        <v>374</v>
      </c>
      <c r="G11" s="1" t="s">
        <v>375</v>
      </c>
      <c r="H11" s="1" t="s">
        <v>376</v>
      </c>
      <c r="I11" s="1" t="s">
        <v>377</v>
      </c>
      <c r="J11" s="1" t="s">
        <v>378</v>
      </c>
      <c r="K11" s="1" t="s">
        <v>379</v>
      </c>
      <c r="L11" s="1" t="s">
        <v>380</v>
      </c>
      <c r="M11" s="1" t="s">
        <v>381</v>
      </c>
      <c r="N11" s="1" t="s">
        <v>382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46</v>
      </c>
      <c r="C12" s="11">
        <v>2064612666.8699999</v>
      </c>
      <c r="D12" s="11">
        <v>1728258791.52</v>
      </c>
      <c r="E12" s="11">
        <v>1793511973.8599999</v>
      </c>
      <c r="F12" s="11">
        <v>1866206459.95</v>
      </c>
      <c r="G12" s="11">
        <v>1812898639.01</v>
      </c>
      <c r="H12" s="11">
        <v>1864784472.9300001</v>
      </c>
      <c r="I12" s="11">
        <v>1910152747.54</v>
      </c>
      <c r="J12" s="11">
        <v>2031169726.4400001</v>
      </c>
      <c r="K12" s="11">
        <v>1957497738.05</v>
      </c>
      <c r="L12" s="11">
        <v>1954961231.1600001</v>
      </c>
      <c r="M12" s="11">
        <v>2050210757.0799999</v>
      </c>
      <c r="N12" s="11">
        <v>2344751402.6900001</v>
      </c>
      <c r="O12" s="11">
        <v>23379016607.099998</v>
      </c>
      <c r="P12" s="11">
        <v>20798722990</v>
      </c>
    </row>
    <row r="13" spans="1:16" x14ac:dyDescent="0.25">
      <c r="A13" s="3" t="s">
        <v>19</v>
      </c>
      <c r="B13" s="5" t="s">
        <v>547</v>
      </c>
      <c r="C13" s="11">
        <v>1470137092.51</v>
      </c>
      <c r="D13" s="11">
        <v>1123843755.4300001</v>
      </c>
      <c r="E13" s="11">
        <v>1195219309.8</v>
      </c>
      <c r="F13" s="11">
        <v>1247785613.71</v>
      </c>
      <c r="G13" s="11">
        <v>1180015496.5899999</v>
      </c>
      <c r="H13" s="11">
        <v>1220284407.79</v>
      </c>
      <c r="I13" s="11">
        <v>1267944647.55</v>
      </c>
      <c r="J13" s="11">
        <v>1326648005.8299999</v>
      </c>
      <c r="K13" s="11">
        <v>1310541166.8199999</v>
      </c>
      <c r="L13" s="11">
        <v>1302748228.2</v>
      </c>
      <c r="M13" s="11">
        <v>1303320809.0999999</v>
      </c>
      <c r="N13" s="11">
        <v>1464919753.04</v>
      </c>
      <c r="O13" s="11">
        <v>15413408286.370001</v>
      </c>
      <c r="P13" s="11">
        <v>13114213148</v>
      </c>
    </row>
    <row r="14" spans="1:16" x14ac:dyDescent="0.25">
      <c r="A14" s="2" t="s">
        <v>21</v>
      </c>
      <c r="B14" s="4" t="s">
        <v>548</v>
      </c>
      <c r="C14" s="12">
        <v>965006416.41999996</v>
      </c>
      <c r="D14" s="12">
        <v>928447223.75999999</v>
      </c>
      <c r="E14" s="12">
        <v>1003826896.14</v>
      </c>
      <c r="F14" s="12">
        <v>1055823075.17</v>
      </c>
      <c r="G14" s="12">
        <v>985604340.03999996</v>
      </c>
      <c r="H14" s="12">
        <v>1032031161.0700001</v>
      </c>
      <c r="I14" s="12">
        <v>1080503809.1800001</v>
      </c>
      <c r="J14" s="12">
        <v>1112901173.49</v>
      </c>
      <c r="K14" s="12">
        <v>1143147733.72</v>
      </c>
      <c r="L14" s="12">
        <v>1134142541.0999999</v>
      </c>
      <c r="M14" s="12">
        <v>1131411370.9300001</v>
      </c>
      <c r="N14" s="12">
        <v>1156348986.78</v>
      </c>
      <c r="O14" s="12">
        <v>12729194727.799999</v>
      </c>
      <c r="P14" s="12">
        <v>10909702148</v>
      </c>
    </row>
    <row r="15" spans="1:16" x14ac:dyDescent="0.25">
      <c r="A15" s="2" t="s">
        <v>23</v>
      </c>
      <c r="B15" s="4" t="s">
        <v>549</v>
      </c>
      <c r="C15" s="12">
        <v>373373157.02999997</v>
      </c>
      <c r="D15" s="12">
        <v>75365703.560000002</v>
      </c>
      <c r="E15" s="12">
        <v>65432879.100000001</v>
      </c>
      <c r="F15" s="12">
        <v>59045242.020000003</v>
      </c>
      <c r="G15" s="12">
        <v>60265315.270000003</v>
      </c>
      <c r="H15" s="12">
        <v>36077818.899999999</v>
      </c>
      <c r="I15" s="12">
        <v>36690859.969999999</v>
      </c>
      <c r="J15" s="12">
        <v>32052624.219999999</v>
      </c>
      <c r="K15" s="12">
        <v>27673078.5</v>
      </c>
      <c r="L15" s="12">
        <v>21699287.940000001</v>
      </c>
      <c r="M15" s="12">
        <v>16923334.510000002</v>
      </c>
      <c r="N15" s="12">
        <v>58941543.219999999</v>
      </c>
      <c r="O15" s="12">
        <v>863540844.24000001</v>
      </c>
      <c r="P15" s="12">
        <v>730803700</v>
      </c>
    </row>
    <row r="16" spans="1:16" x14ac:dyDescent="0.25">
      <c r="A16" s="2" t="s">
        <v>25</v>
      </c>
      <c r="B16" s="4" t="s">
        <v>550</v>
      </c>
      <c r="C16" s="12">
        <v>21960663.91</v>
      </c>
      <c r="D16" s="12">
        <v>15833887.59</v>
      </c>
      <c r="E16" s="12">
        <v>19986585.670000002</v>
      </c>
      <c r="F16" s="12">
        <v>29539466.850000001</v>
      </c>
      <c r="G16" s="12">
        <v>31369092.260000002</v>
      </c>
      <c r="H16" s="12">
        <v>36429993.960000001</v>
      </c>
      <c r="I16" s="12">
        <v>41060839.869999997</v>
      </c>
      <c r="J16" s="12">
        <v>50431976.460000001</v>
      </c>
      <c r="K16" s="12">
        <v>25076346.52</v>
      </c>
      <c r="L16" s="12">
        <v>37422112.810000002</v>
      </c>
      <c r="M16" s="12">
        <v>34132796.75</v>
      </c>
      <c r="N16" s="12">
        <v>44873165.219999999</v>
      </c>
      <c r="O16" s="12">
        <v>388116927.87</v>
      </c>
      <c r="P16" s="12">
        <v>182844600</v>
      </c>
    </row>
    <row r="17" spans="1:16" x14ac:dyDescent="0.25">
      <c r="A17" s="2" t="s">
        <v>27</v>
      </c>
      <c r="B17" s="4" t="s">
        <v>551</v>
      </c>
      <c r="C17" s="12">
        <v>88611078.349999994</v>
      </c>
      <c r="D17" s="12">
        <v>81430167.670000002</v>
      </c>
      <c r="E17" s="12">
        <v>81592459.920000002</v>
      </c>
      <c r="F17" s="12">
        <v>78652486.180000007</v>
      </c>
      <c r="G17" s="12">
        <v>75428422.420000002</v>
      </c>
      <c r="H17" s="12">
        <v>88648045.590000004</v>
      </c>
      <c r="I17" s="12">
        <v>78346508.519999996</v>
      </c>
      <c r="J17" s="12">
        <v>88789202.590000004</v>
      </c>
      <c r="K17" s="12">
        <v>82665763.930000007</v>
      </c>
      <c r="L17" s="12">
        <v>78296675.209999993</v>
      </c>
      <c r="M17" s="12">
        <v>91490013.670000002</v>
      </c>
      <c r="N17" s="12">
        <v>179759517.63999999</v>
      </c>
      <c r="O17" s="12">
        <v>1093710341.6900001</v>
      </c>
      <c r="P17" s="12">
        <v>992521700</v>
      </c>
    </row>
    <row r="18" spans="1:16" x14ac:dyDescent="0.25">
      <c r="A18" s="2" t="s">
        <v>29</v>
      </c>
      <c r="B18" s="4" t="s">
        <v>552</v>
      </c>
      <c r="C18" s="12">
        <v>21185776.800000001</v>
      </c>
      <c r="D18" s="12">
        <v>22766772.850000001</v>
      </c>
      <c r="E18" s="12">
        <v>24380488.969999999</v>
      </c>
      <c r="F18" s="12">
        <v>24725343.489999998</v>
      </c>
      <c r="G18" s="12">
        <v>27348326.600000001</v>
      </c>
      <c r="H18" s="12">
        <v>27097388.27</v>
      </c>
      <c r="I18" s="12">
        <v>31342630.010000002</v>
      </c>
      <c r="J18" s="12">
        <v>42473029.07</v>
      </c>
      <c r="K18" s="12">
        <v>31978244.149999999</v>
      </c>
      <c r="L18" s="12">
        <v>31187611.140000001</v>
      </c>
      <c r="M18" s="12">
        <v>29363293.239999998</v>
      </c>
      <c r="N18" s="12">
        <v>24996540.18</v>
      </c>
      <c r="O18" s="12">
        <v>338845444.76999998</v>
      </c>
      <c r="P18" s="12">
        <v>298341000</v>
      </c>
    </row>
    <row r="19" spans="1:16" x14ac:dyDescent="0.25">
      <c r="A19" s="2" t="s">
        <v>31</v>
      </c>
      <c r="B19" s="4" t="s">
        <v>553</v>
      </c>
      <c r="C19" s="12">
        <v>77721228.019999996</v>
      </c>
      <c r="D19" s="12">
        <v>38848141.240000002</v>
      </c>
      <c r="E19" s="12">
        <v>79647819.939999998</v>
      </c>
      <c r="F19" s="12">
        <v>68056814.049999997</v>
      </c>
      <c r="G19" s="12">
        <v>83906246</v>
      </c>
      <c r="H19" s="12">
        <v>60695925.57</v>
      </c>
      <c r="I19" s="12">
        <v>88042542.920000002</v>
      </c>
      <c r="J19" s="12">
        <v>70941212.609999999</v>
      </c>
      <c r="K19" s="12">
        <v>79542397.719999999</v>
      </c>
      <c r="L19" s="12">
        <v>77173900.829999998</v>
      </c>
      <c r="M19" s="12">
        <v>105316811.59</v>
      </c>
      <c r="N19" s="12">
        <v>154495905.25999999</v>
      </c>
      <c r="O19" s="12">
        <v>984388945.75</v>
      </c>
      <c r="P19" s="12">
        <v>1129345100</v>
      </c>
    </row>
    <row r="20" spans="1:16" x14ac:dyDescent="0.25">
      <c r="A20" s="3" t="s">
        <v>33</v>
      </c>
      <c r="B20" s="5" t="s">
        <v>554</v>
      </c>
      <c r="C20" s="11">
        <v>15137243.380000001</v>
      </c>
      <c r="D20" s="11">
        <v>3862932.87</v>
      </c>
      <c r="E20" s="11">
        <v>6281394.7400000002</v>
      </c>
      <c r="F20" s="11">
        <v>15067486.18</v>
      </c>
      <c r="G20" s="11">
        <v>11082214.77</v>
      </c>
      <c r="H20" s="11">
        <v>34775994.75</v>
      </c>
      <c r="I20" s="11">
        <v>27956252.469999999</v>
      </c>
      <c r="J20" s="11">
        <v>20269441.75</v>
      </c>
      <c r="K20" s="11">
        <v>20571118.239999998</v>
      </c>
      <c r="L20" s="11">
        <v>23757917.609999999</v>
      </c>
      <c r="M20" s="11">
        <v>40582503.189999998</v>
      </c>
      <c r="N20" s="11">
        <v>61858774.899999999</v>
      </c>
      <c r="O20" s="11">
        <v>281203274.85000002</v>
      </c>
      <c r="P20" s="11">
        <v>275972700</v>
      </c>
    </row>
    <row r="21" spans="1:16" x14ac:dyDescent="0.25">
      <c r="A21" s="2" t="s">
        <v>35</v>
      </c>
      <c r="B21" s="4" t="s">
        <v>555</v>
      </c>
      <c r="C21" s="12">
        <v>2909509.02</v>
      </c>
      <c r="D21" s="12">
        <v>2647590.9500000002</v>
      </c>
      <c r="E21" s="12">
        <v>5049494.07</v>
      </c>
      <c r="F21" s="12">
        <v>6157353.2699999996</v>
      </c>
      <c r="G21" s="12">
        <v>9091794.6999999993</v>
      </c>
      <c r="H21" s="12">
        <v>11307032.310000001</v>
      </c>
      <c r="I21" s="12">
        <v>13140698.75</v>
      </c>
      <c r="J21" s="12">
        <v>16871631.129999999</v>
      </c>
      <c r="K21" s="12">
        <v>18948950.079999998</v>
      </c>
      <c r="L21" s="12">
        <v>22102115.379999999</v>
      </c>
      <c r="M21" s="12">
        <v>29100054.649999999</v>
      </c>
      <c r="N21" s="12">
        <v>36937688.409999996</v>
      </c>
      <c r="O21" s="12">
        <v>174263912.72</v>
      </c>
      <c r="P21" s="12">
        <v>229493900</v>
      </c>
    </row>
    <row r="22" spans="1:16" x14ac:dyDescent="0.25">
      <c r="A22" s="2" t="s">
        <v>37</v>
      </c>
      <c r="B22" s="4" t="s">
        <v>556</v>
      </c>
      <c r="C22" s="12">
        <v>12227734.359999999</v>
      </c>
      <c r="D22" s="12">
        <v>1215341.92</v>
      </c>
      <c r="E22" s="12">
        <v>1231900.67</v>
      </c>
      <c r="F22" s="12">
        <v>8910132.9100000001</v>
      </c>
      <c r="G22" s="12">
        <v>1990420.07</v>
      </c>
      <c r="H22" s="12">
        <v>23468962.440000001</v>
      </c>
      <c r="I22" s="12">
        <v>14815553.720000001</v>
      </c>
      <c r="J22" s="12">
        <v>3397810.62</v>
      </c>
      <c r="K22" s="12">
        <v>1622168.16</v>
      </c>
      <c r="L22" s="12">
        <v>1655802.23</v>
      </c>
      <c r="M22" s="12">
        <v>11482448.539999999</v>
      </c>
      <c r="N22" s="12">
        <v>24921086.489999998</v>
      </c>
      <c r="O22" s="12">
        <v>106939362.13</v>
      </c>
      <c r="P22" s="12">
        <v>46478800</v>
      </c>
    </row>
    <row r="23" spans="1:16" x14ac:dyDescent="0.25">
      <c r="A23" s="2" t="s">
        <v>39</v>
      </c>
      <c r="B23" s="4" t="s">
        <v>557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1</v>
      </c>
      <c r="B24" s="4" t="s">
        <v>558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3</v>
      </c>
      <c r="B25" s="4" t="s">
        <v>559</v>
      </c>
      <c r="C25" s="12">
        <v>53545302.329999998</v>
      </c>
      <c r="D25" s="12">
        <v>74812096.680000007</v>
      </c>
      <c r="E25" s="12">
        <v>46420556.409999996</v>
      </c>
      <c r="F25" s="12">
        <v>57265514.229999997</v>
      </c>
      <c r="G25" s="12">
        <v>62998324.899999999</v>
      </c>
      <c r="H25" s="12">
        <v>64258047.039999999</v>
      </c>
      <c r="I25" s="12">
        <v>75275136.459999993</v>
      </c>
      <c r="J25" s="12">
        <v>89938714.980000004</v>
      </c>
      <c r="K25" s="12">
        <v>85661765.019999996</v>
      </c>
      <c r="L25" s="12">
        <v>68767707.730000004</v>
      </c>
      <c r="M25" s="12">
        <v>65501513.93</v>
      </c>
      <c r="N25" s="12">
        <v>90547412.450000003</v>
      </c>
      <c r="O25" s="12">
        <v>834992092.15999997</v>
      </c>
      <c r="P25" s="12">
        <v>906011278</v>
      </c>
    </row>
    <row r="26" spans="1:16" x14ac:dyDescent="0.25">
      <c r="A26" s="3" t="s">
        <v>45</v>
      </c>
      <c r="B26" s="5" t="s">
        <v>560</v>
      </c>
      <c r="C26" s="11">
        <v>440063862.26999998</v>
      </c>
      <c r="D26" s="11">
        <v>479896476.56999999</v>
      </c>
      <c r="E26" s="11">
        <v>460136045.25999999</v>
      </c>
      <c r="F26" s="11">
        <v>471057249.61000001</v>
      </c>
      <c r="G26" s="11">
        <v>466736577.91000003</v>
      </c>
      <c r="H26" s="11">
        <v>461536219.87</v>
      </c>
      <c r="I26" s="11">
        <v>443213482.18000001</v>
      </c>
      <c r="J26" s="11">
        <v>509932944.60000002</v>
      </c>
      <c r="K26" s="11">
        <v>450637588.08999997</v>
      </c>
      <c r="L26" s="11">
        <v>473875072.01999998</v>
      </c>
      <c r="M26" s="11">
        <v>524032806.13</v>
      </c>
      <c r="N26" s="11">
        <v>528529462.75</v>
      </c>
      <c r="O26" s="11">
        <v>5709647787.2600002</v>
      </c>
      <c r="P26" s="11">
        <v>5292861864</v>
      </c>
    </row>
    <row r="27" spans="1:16" x14ac:dyDescent="0.25">
      <c r="A27" s="2" t="s">
        <v>47</v>
      </c>
      <c r="B27" s="4" t="s">
        <v>561</v>
      </c>
      <c r="C27" s="12">
        <v>137408613.56999999</v>
      </c>
      <c r="D27" s="12">
        <v>184765675.33000001</v>
      </c>
      <c r="E27" s="12">
        <v>122531483.90000001</v>
      </c>
      <c r="F27" s="12">
        <v>128097434.81</v>
      </c>
      <c r="G27" s="12">
        <v>153081481.06999999</v>
      </c>
      <c r="H27" s="12">
        <v>133603393.18000001</v>
      </c>
      <c r="I27" s="12">
        <v>117626438.77</v>
      </c>
      <c r="J27" s="12">
        <v>148266074.22999999</v>
      </c>
      <c r="K27" s="12">
        <v>115756549.94</v>
      </c>
      <c r="L27" s="12">
        <v>128818796.88</v>
      </c>
      <c r="M27" s="12">
        <v>169184251.15000001</v>
      </c>
      <c r="N27" s="12">
        <v>175266482</v>
      </c>
      <c r="O27" s="12">
        <v>1714406674.8299999</v>
      </c>
      <c r="P27" s="12">
        <v>1273744200</v>
      </c>
    </row>
    <row r="28" spans="1:16" x14ac:dyDescent="0.25">
      <c r="A28" s="2" t="s">
        <v>49</v>
      </c>
      <c r="B28" s="4" t="s">
        <v>562</v>
      </c>
      <c r="C28" s="12">
        <v>0</v>
      </c>
      <c r="D28" s="12">
        <v>17341427.84</v>
      </c>
      <c r="E28" s="12">
        <v>8670713.9199999999</v>
      </c>
      <c r="F28" s="12">
        <v>-26012141.760000002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  <c r="O28" s="12">
        <v>0</v>
      </c>
      <c r="P28" s="12">
        <v>19038100</v>
      </c>
    </row>
    <row r="29" spans="1:16" x14ac:dyDescent="0.25">
      <c r="A29" s="2" t="s">
        <v>51</v>
      </c>
      <c r="B29" s="4" t="s">
        <v>563</v>
      </c>
      <c r="C29" s="12">
        <v>12365694.93</v>
      </c>
      <c r="D29" s="12">
        <v>10115152.49</v>
      </c>
      <c r="E29" s="12">
        <v>12010983.199999999</v>
      </c>
      <c r="F29" s="12">
        <v>12046456.130000001</v>
      </c>
      <c r="G29" s="12">
        <v>11643582.359999999</v>
      </c>
      <c r="H29" s="12">
        <v>10680847.560000001</v>
      </c>
      <c r="I29" s="12">
        <v>12336383.859999999</v>
      </c>
      <c r="J29" s="12">
        <v>10373852.15</v>
      </c>
      <c r="K29" s="12">
        <v>12343223.02</v>
      </c>
      <c r="L29" s="12">
        <v>12705074.34</v>
      </c>
      <c r="M29" s="12">
        <v>12171275.41</v>
      </c>
      <c r="N29" s="12">
        <v>12443345.560000001</v>
      </c>
      <c r="O29" s="12">
        <v>141235871.00999999</v>
      </c>
      <c r="P29" s="12">
        <v>110491700</v>
      </c>
    </row>
    <row r="30" spans="1:16" x14ac:dyDescent="0.25">
      <c r="A30" s="2" t="s">
        <v>53</v>
      </c>
      <c r="B30" s="4" t="s">
        <v>564</v>
      </c>
      <c r="C30" s="12">
        <v>112256028.31999999</v>
      </c>
      <c r="D30" s="12">
        <v>120611326.43000001</v>
      </c>
      <c r="E30" s="12">
        <v>118708704.70999999</v>
      </c>
      <c r="F30" s="12">
        <v>111894962.23999999</v>
      </c>
      <c r="G30" s="12">
        <v>102986762.52</v>
      </c>
      <c r="H30" s="12">
        <v>103834978.79000001</v>
      </c>
      <c r="I30" s="12">
        <v>105956480.01000001</v>
      </c>
      <c r="J30" s="12">
        <v>124453228.27</v>
      </c>
      <c r="K30" s="12">
        <v>107860396.22</v>
      </c>
      <c r="L30" s="12">
        <v>119072335.93000001</v>
      </c>
      <c r="M30" s="12">
        <v>132401227.55</v>
      </c>
      <c r="N30" s="12">
        <v>127460971.09999999</v>
      </c>
      <c r="O30" s="12">
        <v>1387497402.0899999</v>
      </c>
      <c r="P30" s="12">
        <v>1387138000</v>
      </c>
    </row>
    <row r="31" spans="1:16" x14ac:dyDescent="0.25">
      <c r="A31" s="2" t="s">
        <v>55</v>
      </c>
      <c r="B31" s="4" t="s">
        <v>565</v>
      </c>
      <c r="C31" s="12">
        <v>178033525.44999999</v>
      </c>
      <c r="D31" s="12">
        <v>147062894.47999999</v>
      </c>
      <c r="E31" s="12">
        <v>198214159.53</v>
      </c>
      <c r="F31" s="12">
        <v>245030538.19</v>
      </c>
      <c r="G31" s="12">
        <v>199024751.96000001</v>
      </c>
      <c r="H31" s="12">
        <v>213417000.34</v>
      </c>
      <c r="I31" s="12">
        <v>207294179.53999999</v>
      </c>
      <c r="J31" s="12">
        <v>226839789.94999999</v>
      </c>
      <c r="K31" s="12">
        <v>214677418.91</v>
      </c>
      <c r="L31" s="12">
        <v>213278864.87</v>
      </c>
      <c r="M31" s="12">
        <v>210276052.02000001</v>
      </c>
      <c r="N31" s="12">
        <v>213358664.09</v>
      </c>
      <c r="O31" s="12">
        <v>2466507839.3299999</v>
      </c>
      <c r="P31" s="12">
        <v>2502449864</v>
      </c>
    </row>
    <row r="32" spans="1:16" x14ac:dyDescent="0.25">
      <c r="A32" s="2" t="s">
        <v>57</v>
      </c>
      <c r="B32" s="4" t="s">
        <v>566</v>
      </c>
      <c r="C32" s="12">
        <v>8007938.3600000003</v>
      </c>
      <c r="D32" s="12">
        <v>6995388.7300000004</v>
      </c>
      <c r="E32" s="12">
        <v>5806847.71</v>
      </c>
      <c r="F32" s="12">
        <v>6973782.1699999999</v>
      </c>
      <c r="G32" s="12">
        <v>8159778.8399999999</v>
      </c>
      <c r="H32" s="12">
        <v>23233877.91</v>
      </c>
      <c r="I32" s="12">
        <v>7720685.96</v>
      </c>
      <c r="J32" s="12">
        <v>13439406.67</v>
      </c>
      <c r="K32" s="12">
        <v>10543702.16</v>
      </c>
      <c r="L32" s="12">
        <v>8638404.7699999996</v>
      </c>
      <c r="M32" s="12">
        <v>11456313.140000001</v>
      </c>
      <c r="N32" s="12">
        <v>44400094.289999999</v>
      </c>
      <c r="O32" s="12">
        <v>155376220.71000001</v>
      </c>
      <c r="P32" s="12">
        <v>80318900</v>
      </c>
    </row>
    <row r="33" spans="1:16" x14ac:dyDescent="0.25">
      <c r="A33" s="3" t="s">
        <v>59</v>
      </c>
      <c r="B33" s="5" t="s">
        <v>567</v>
      </c>
      <c r="C33" s="11">
        <v>779508751.91999996</v>
      </c>
      <c r="D33" s="11">
        <v>529752654.13</v>
      </c>
      <c r="E33" s="11">
        <v>599801581.05999994</v>
      </c>
      <c r="F33" s="11">
        <v>610763097.14999998</v>
      </c>
      <c r="G33" s="11">
        <v>593999237.30999994</v>
      </c>
      <c r="H33" s="11">
        <v>572568912.99000001</v>
      </c>
      <c r="I33" s="11">
        <v>602175991.23000002</v>
      </c>
      <c r="J33" s="11">
        <v>635203274.19000006</v>
      </c>
      <c r="K33" s="11">
        <v>626171105.15999997</v>
      </c>
      <c r="L33" s="11">
        <v>621002774.88999999</v>
      </c>
      <c r="M33" s="11">
        <v>652385024.53999996</v>
      </c>
      <c r="N33" s="11">
        <v>739646009.05999994</v>
      </c>
      <c r="O33" s="11">
        <v>7562978413.6300001</v>
      </c>
      <c r="P33" s="11">
        <v>6082578300</v>
      </c>
    </row>
    <row r="34" spans="1:16" x14ac:dyDescent="0.25">
      <c r="A34" s="2" t="s">
        <v>61</v>
      </c>
      <c r="B34" s="4" t="s">
        <v>568</v>
      </c>
      <c r="C34" s="12">
        <v>485513096.61000001</v>
      </c>
      <c r="D34" s="12">
        <v>300789107.57999998</v>
      </c>
      <c r="E34" s="12">
        <v>332331803.69999999</v>
      </c>
      <c r="F34" s="12">
        <v>344709035.89999998</v>
      </c>
      <c r="G34" s="12">
        <v>317142612.76999998</v>
      </c>
      <c r="H34" s="12">
        <v>317457022.11000001</v>
      </c>
      <c r="I34" s="12">
        <v>314473189.69</v>
      </c>
      <c r="J34" s="12">
        <v>352415436.54000002</v>
      </c>
      <c r="K34" s="12">
        <v>341974381.80000001</v>
      </c>
      <c r="L34" s="12">
        <v>335906886.67000002</v>
      </c>
      <c r="M34" s="12">
        <v>332860643.89999998</v>
      </c>
      <c r="N34" s="12">
        <v>359286652.52999997</v>
      </c>
      <c r="O34" s="12">
        <v>4134859869.8000002</v>
      </c>
      <c r="P34" s="12">
        <v>3056099100</v>
      </c>
    </row>
    <row r="35" spans="1:16" x14ac:dyDescent="0.25">
      <c r="A35" s="2" t="s">
        <v>63</v>
      </c>
      <c r="B35" s="4" t="s">
        <v>569</v>
      </c>
      <c r="C35" s="12">
        <v>77649268.329999998</v>
      </c>
      <c r="D35" s="12">
        <v>38767346.450000003</v>
      </c>
      <c r="E35" s="12">
        <v>79567799.560000002</v>
      </c>
      <c r="F35" s="12">
        <v>67967927.390000001</v>
      </c>
      <c r="G35" s="12">
        <v>83833153.200000003</v>
      </c>
      <c r="H35" s="12">
        <v>60616755.020000003</v>
      </c>
      <c r="I35" s="12">
        <v>87955314.989999995</v>
      </c>
      <c r="J35" s="12">
        <v>70859203.340000004</v>
      </c>
      <c r="K35" s="12">
        <v>79469363.079999998</v>
      </c>
      <c r="L35" s="12">
        <v>77101978.209999993</v>
      </c>
      <c r="M35" s="12">
        <v>105236483</v>
      </c>
      <c r="N35" s="12">
        <v>154317094.78999999</v>
      </c>
      <c r="O35" s="12">
        <v>983341687.36000001</v>
      </c>
      <c r="P35" s="12">
        <v>1126778800</v>
      </c>
    </row>
    <row r="36" spans="1:16" x14ac:dyDescent="0.25">
      <c r="A36" s="2" t="s">
        <v>65</v>
      </c>
      <c r="B36" s="4" t="s">
        <v>570</v>
      </c>
      <c r="C36" s="12">
        <v>71959.69</v>
      </c>
      <c r="D36" s="12">
        <v>1313217.92</v>
      </c>
      <c r="E36" s="12">
        <v>127760.89</v>
      </c>
      <c r="F36" s="12">
        <v>101472.11</v>
      </c>
      <c r="G36" s="12">
        <v>111852.81</v>
      </c>
      <c r="H36" s="12">
        <v>79170.55</v>
      </c>
      <c r="I36" s="12">
        <v>87227.93</v>
      </c>
      <c r="J36" s="12">
        <v>114217.26</v>
      </c>
      <c r="K36" s="12">
        <v>73034.64</v>
      </c>
      <c r="L36" s="12">
        <v>71922.62</v>
      </c>
      <c r="M36" s="12">
        <v>80328.59</v>
      </c>
      <c r="N36" s="12">
        <v>178810.47</v>
      </c>
      <c r="O36" s="12">
        <v>2410975.48</v>
      </c>
      <c r="P36" s="12">
        <v>2566300</v>
      </c>
    </row>
    <row r="37" spans="1:16" x14ac:dyDescent="0.25">
      <c r="A37" s="2" t="s">
        <v>67</v>
      </c>
      <c r="B37" s="4" t="s">
        <v>571</v>
      </c>
      <c r="C37" s="12">
        <v>216274427.28999999</v>
      </c>
      <c r="D37" s="12">
        <v>188882982.18000001</v>
      </c>
      <c r="E37" s="12">
        <v>187774216.91</v>
      </c>
      <c r="F37" s="12">
        <v>197984661.75</v>
      </c>
      <c r="G37" s="12">
        <v>192911618.53</v>
      </c>
      <c r="H37" s="12">
        <v>194415965.31</v>
      </c>
      <c r="I37" s="12">
        <v>199660258.62</v>
      </c>
      <c r="J37" s="12">
        <v>211814417.05000001</v>
      </c>
      <c r="K37" s="12">
        <v>204654325.63999999</v>
      </c>
      <c r="L37" s="12">
        <v>207921987.38999999</v>
      </c>
      <c r="M37" s="12">
        <v>214207569.05000001</v>
      </c>
      <c r="N37" s="12">
        <v>225863451.27000001</v>
      </c>
      <c r="O37" s="12">
        <v>2442365880.9899998</v>
      </c>
      <c r="P37" s="12">
        <v>1897134100</v>
      </c>
    </row>
    <row r="38" spans="1:16" x14ac:dyDescent="0.25">
      <c r="A38" s="3" t="s">
        <v>69</v>
      </c>
      <c r="B38" s="5" t="s">
        <v>572</v>
      </c>
      <c r="C38" s="11">
        <v>1285103914.95</v>
      </c>
      <c r="D38" s="11">
        <v>1198506137.3900001</v>
      </c>
      <c r="E38" s="11">
        <v>1193710392.8</v>
      </c>
      <c r="F38" s="11">
        <v>1255443362.8</v>
      </c>
      <c r="G38" s="11">
        <v>1218899401.7</v>
      </c>
      <c r="H38" s="11">
        <v>1292215559.9400001</v>
      </c>
      <c r="I38" s="11">
        <v>1307976756.3099999</v>
      </c>
      <c r="J38" s="11">
        <v>1395966452.25</v>
      </c>
      <c r="K38" s="11">
        <v>1331326632.8900001</v>
      </c>
      <c r="L38" s="11">
        <v>1333958456.27</v>
      </c>
      <c r="M38" s="11">
        <v>1397825732.54</v>
      </c>
      <c r="N38" s="11">
        <v>1605105393.6300001</v>
      </c>
      <c r="O38" s="11">
        <v>15816038193.469999</v>
      </c>
      <c r="P38" s="11">
        <v>14716144690</v>
      </c>
    </row>
    <row r="39" spans="1:16" x14ac:dyDescent="0.25">
      <c r="A39" s="2" t="s">
        <v>71</v>
      </c>
      <c r="B39" s="4" t="s">
        <v>573</v>
      </c>
      <c r="C39" s="12">
        <v>0</v>
      </c>
      <c r="D39" s="12">
        <v>0</v>
      </c>
      <c r="E39" s="12">
        <v>0</v>
      </c>
      <c r="F39" s="12">
        <v>0</v>
      </c>
      <c r="G39" s="12">
        <v>0</v>
      </c>
      <c r="H39" s="12">
        <v>0</v>
      </c>
      <c r="I39" s="12">
        <v>590454</v>
      </c>
      <c r="J39" s="12">
        <v>0</v>
      </c>
      <c r="K39" s="12">
        <v>0</v>
      </c>
      <c r="L39" s="12">
        <v>0</v>
      </c>
      <c r="M39" s="12">
        <v>5643795</v>
      </c>
      <c r="N39" s="12">
        <v>690000</v>
      </c>
      <c r="O39" s="12">
        <v>6924249</v>
      </c>
      <c r="P39" s="12">
        <v>0</v>
      </c>
    </row>
    <row r="40" spans="1:16" x14ac:dyDescent="0.25">
      <c r="A40" s="3" t="s">
        <v>73</v>
      </c>
      <c r="B40" s="5" t="s">
        <v>574</v>
      </c>
      <c r="C40" s="11">
        <v>1285103914.95</v>
      </c>
      <c r="D40" s="11">
        <v>1198506137.3900001</v>
      </c>
      <c r="E40" s="11">
        <v>1193710392.8</v>
      </c>
      <c r="F40" s="11">
        <v>1255443362.8</v>
      </c>
      <c r="G40" s="11">
        <v>1218899401.7</v>
      </c>
      <c r="H40" s="11">
        <v>1292215559.9400001</v>
      </c>
      <c r="I40" s="11">
        <v>1307386302.3099999</v>
      </c>
      <c r="J40" s="11">
        <v>1395966452.25</v>
      </c>
      <c r="K40" s="11">
        <v>1331326632.8900001</v>
      </c>
      <c r="L40" s="11">
        <v>1333958456.27</v>
      </c>
      <c r="M40" s="11">
        <v>1392181937.54</v>
      </c>
      <c r="N40" s="11">
        <v>1604415393.6300001</v>
      </c>
      <c r="O40" s="11">
        <v>15809113944.469999</v>
      </c>
      <c r="P40" s="11">
        <v>14716144690</v>
      </c>
    </row>
    <row r="41" spans="1:16" x14ac:dyDescent="0.25">
      <c r="A41" s="2" t="s">
        <v>75</v>
      </c>
      <c r="B41" s="4" t="s">
        <v>575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1590454</v>
      </c>
      <c r="I41" s="12">
        <v>-1590454</v>
      </c>
      <c r="J41" s="12">
        <v>12000000</v>
      </c>
      <c r="K41" s="12">
        <v>0</v>
      </c>
      <c r="L41" s="12">
        <v>7970795</v>
      </c>
      <c r="M41" s="12">
        <v>-7970795</v>
      </c>
      <c r="N41" s="12">
        <v>0</v>
      </c>
      <c r="O41" s="12">
        <v>12000000</v>
      </c>
      <c r="P41" s="12">
        <v>0</v>
      </c>
    </row>
    <row r="42" spans="1:16" x14ac:dyDescent="0.25">
      <c r="A42" s="3" t="s">
        <v>77</v>
      </c>
      <c r="B42" s="5" t="s">
        <v>576</v>
      </c>
      <c r="C42" s="11">
        <v>1285103914.95</v>
      </c>
      <c r="D42" s="11">
        <v>1198506137.3900001</v>
      </c>
      <c r="E42" s="11">
        <v>1193710392.8</v>
      </c>
      <c r="F42" s="11">
        <v>1255443362.8</v>
      </c>
      <c r="G42" s="11">
        <v>1218899401.7</v>
      </c>
      <c r="H42" s="11">
        <v>1290625105.9400001</v>
      </c>
      <c r="I42" s="11">
        <v>1308976756.3099999</v>
      </c>
      <c r="J42" s="11">
        <v>1383966452.25</v>
      </c>
      <c r="K42" s="11">
        <v>1331326632.8900001</v>
      </c>
      <c r="L42" s="11">
        <v>1325987661.27</v>
      </c>
      <c r="M42" s="11">
        <v>1400152732.54</v>
      </c>
      <c r="N42" s="11">
        <v>1604415393.6300001</v>
      </c>
      <c r="O42" s="11">
        <v>15797113944.469999</v>
      </c>
      <c r="P42" s="11">
        <v>14716144690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166"/>
  <sheetViews>
    <sheetView showGridLines="0" topLeftCell="A150" workbookViewId="0">
      <selection activeCell="C166" sqref="C166:G166"/>
    </sheetView>
  </sheetViews>
  <sheetFormatPr defaultRowHeight="15" x14ac:dyDescent="0.25"/>
  <cols>
    <col min="1" max="1" width="2.7109375" bestFit="1" customWidth="1"/>
    <col min="2" max="2" width="55.28515625" bestFit="1" customWidth="1"/>
    <col min="3" max="4" width="19.28515625" bestFit="1" customWidth="1"/>
    <col min="5" max="6" width="19.140625" bestFit="1" customWidth="1"/>
    <col min="7" max="7" width="11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577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578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579</v>
      </c>
      <c r="C10" s="10" t="s">
        <v>10</v>
      </c>
      <c r="D10" s="10" t="s">
        <v>580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7" x14ac:dyDescent="0.25">
      <c r="A12" s="3" t="s">
        <v>17</v>
      </c>
      <c r="B12" s="5" t="s">
        <v>581</v>
      </c>
      <c r="C12" s="11">
        <v>2926752700</v>
      </c>
      <c r="D12" s="11">
        <v>3104639262.8200002</v>
      </c>
    </row>
    <row r="13" spans="1:7" x14ac:dyDescent="0.25">
      <c r="A13" s="3" t="s">
        <v>19</v>
      </c>
      <c r="B13" s="5" t="s">
        <v>582</v>
      </c>
      <c r="C13" s="11">
        <v>879858100</v>
      </c>
      <c r="D13" s="11">
        <v>863891776.75999999</v>
      </c>
    </row>
    <row r="14" spans="1:7" x14ac:dyDescent="0.25">
      <c r="A14" s="2" t="s">
        <v>21</v>
      </c>
      <c r="B14" s="4" t="s">
        <v>583</v>
      </c>
      <c r="C14" s="12">
        <v>497789400</v>
      </c>
      <c r="D14" s="12">
        <v>402911966.35000002</v>
      </c>
    </row>
    <row r="15" spans="1:7" x14ac:dyDescent="0.25">
      <c r="A15" s="2" t="s">
        <v>23</v>
      </c>
      <c r="B15" s="4" t="s">
        <v>584</v>
      </c>
      <c r="C15" s="12">
        <v>357665100</v>
      </c>
      <c r="D15" s="12">
        <v>402439434.52999997</v>
      </c>
    </row>
    <row r="16" spans="1:7" x14ac:dyDescent="0.25">
      <c r="A16" s="2" t="s">
        <v>25</v>
      </c>
      <c r="B16" s="4" t="s">
        <v>585</v>
      </c>
      <c r="C16" s="12">
        <v>24403600</v>
      </c>
      <c r="D16" s="12">
        <v>58540375.880000003</v>
      </c>
    </row>
    <row r="17" spans="1:4" x14ac:dyDescent="0.25">
      <c r="A17" s="3" t="s">
        <v>27</v>
      </c>
      <c r="B17" s="5" t="s">
        <v>586</v>
      </c>
      <c r="C17" s="11">
        <v>1428115600</v>
      </c>
      <c r="D17" s="11">
        <v>2202867663.77</v>
      </c>
    </row>
    <row r="18" spans="1:4" x14ac:dyDescent="0.25">
      <c r="A18" s="2" t="s">
        <v>29</v>
      </c>
      <c r="B18" s="4" t="s">
        <v>583</v>
      </c>
      <c r="C18" s="12">
        <v>951715500</v>
      </c>
      <c r="D18" s="12">
        <v>1531370430.3399999</v>
      </c>
    </row>
    <row r="19" spans="1:4" x14ac:dyDescent="0.25">
      <c r="A19" s="2" t="s">
        <v>31</v>
      </c>
      <c r="B19" s="4" t="s">
        <v>584</v>
      </c>
      <c r="C19" s="12">
        <v>427391500</v>
      </c>
      <c r="D19" s="12">
        <v>584288626.75</v>
      </c>
    </row>
    <row r="20" spans="1:4" x14ac:dyDescent="0.25">
      <c r="A20" s="2" t="s">
        <v>33</v>
      </c>
      <c r="B20" s="4" t="s">
        <v>585</v>
      </c>
      <c r="C20" s="12">
        <v>49008600</v>
      </c>
      <c r="D20" s="12">
        <v>87208606.680000007</v>
      </c>
    </row>
    <row r="21" spans="1:4" x14ac:dyDescent="0.25">
      <c r="A21" s="3" t="s">
        <v>35</v>
      </c>
      <c r="B21" s="5" t="s">
        <v>587</v>
      </c>
      <c r="C21" s="11">
        <v>174899300</v>
      </c>
      <c r="D21" s="11">
        <v>924439.85</v>
      </c>
    </row>
    <row r="22" spans="1:4" x14ac:dyDescent="0.25">
      <c r="A22" s="2" t="s">
        <v>37</v>
      </c>
      <c r="B22" s="4" t="s">
        <v>588</v>
      </c>
      <c r="C22" s="12">
        <v>0</v>
      </c>
      <c r="D22" s="12">
        <v>0</v>
      </c>
    </row>
    <row r="23" spans="1:4" x14ac:dyDescent="0.25">
      <c r="A23" s="2" t="s">
        <v>39</v>
      </c>
      <c r="B23" s="4" t="s">
        <v>589</v>
      </c>
      <c r="C23" s="12">
        <v>174899300</v>
      </c>
      <c r="D23" s="12">
        <v>924439.85</v>
      </c>
    </row>
    <row r="24" spans="1:4" x14ac:dyDescent="0.25">
      <c r="A24" s="2" t="s">
        <v>41</v>
      </c>
      <c r="B24" s="4" t="s">
        <v>590</v>
      </c>
      <c r="C24" s="12">
        <v>0</v>
      </c>
      <c r="D24" s="12">
        <v>0</v>
      </c>
    </row>
    <row r="25" spans="1:4" x14ac:dyDescent="0.25">
      <c r="A25" s="2" t="s">
        <v>43</v>
      </c>
      <c r="B25" s="4" t="s">
        <v>591</v>
      </c>
      <c r="C25" s="12">
        <v>0</v>
      </c>
      <c r="D25" s="12">
        <v>0</v>
      </c>
    </row>
    <row r="26" spans="1:4" x14ac:dyDescent="0.25">
      <c r="A26" s="3" t="s">
        <v>45</v>
      </c>
      <c r="B26" s="5" t="s">
        <v>592</v>
      </c>
      <c r="C26" s="11">
        <v>443879700</v>
      </c>
      <c r="D26" s="11">
        <v>36955382.439999998</v>
      </c>
    </row>
    <row r="27" spans="1:4" x14ac:dyDescent="0.25">
      <c r="A27" s="2" t="s">
        <v>47</v>
      </c>
      <c r="B27" s="4" t="s">
        <v>593</v>
      </c>
      <c r="C27" s="12">
        <v>0</v>
      </c>
      <c r="D27" s="12">
        <v>1363717.09</v>
      </c>
    </row>
    <row r="28" spans="1:4" x14ac:dyDescent="0.25">
      <c r="A28" s="2" t="s">
        <v>49</v>
      </c>
      <c r="B28" s="4" t="s">
        <v>594</v>
      </c>
      <c r="C28" s="12">
        <v>443879700</v>
      </c>
      <c r="D28" s="12">
        <v>0</v>
      </c>
    </row>
    <row r="29" spans="1:4" x14ac:dyDescent="0.25">
      <c r="A29" s="2" t="s">
        <v>51</v>
      </c>
      <c r="B29" s="4" t="s">
        <v>595</v>
      </c>
      <c r="C29" s="12">
        <v>0</v>
      </c>
      <c r="D29" s="12">
        <v>35591665.350000001</v>
      </c>
    </row>
    <row r="30" spans="1:4" x14ac:dyDescent="0.25">
      <c r="A30" s="3" t="s">
        <v>53</v>
      </c>
      <c r="B30" s="5" t="s">
        <v>596</v>
      </c>
      <c r="C30" s="11">
        <v>0</v>
      </c>
      <c r="D30" s="11">
        <v>0</v>
      </c>
    </row>
    <row r="31" spans="1:4" x14ac:dyDescent="0.25">
      <c r="A31" s="2" t="s">
        <v>55</v>
      </c>
      <c r="B31" s="4" t="s">
        <v>597</v>
      </c>
      <c r="C31" s="12">
        <v>0</v>
      </c>
      <c r="D31" s="12">
        <v>0</v>
      </c>
    </row>
    <row r="32" spans="1:4" x14ac:dyDescent="0.25">
      <c r="A32" s="2" t="s">
        <v>57</v>
      </c>
      <c r="B32" s="4" t="s">
        <v>598</v>
      </c>
      <c r="C32" s="12">
        <v>0</v>
      </c>
      <c r="D32" s="12">
        <v>0</v>
      </c>
    </row>
    <row r="33" spans="1:7" x14ac:dyDescent="0.25">
      <c r="A33" s="2" t="s">
        <v>59</v>
      </c>
      <c r="B33" s="4" t="s">
        <v>599</v>
      </c>
      <c r="C33" s="12">
        <v>0</v>
      </c>
      <c r="D33" s="12">
        <v>0</v>
      </c>
    </row>
    <row r="34" spans="1:7" x14ac:dyDescent="0.25">
      <c r="A34" s="2" t="s">
        <v>61</v>
      </c>
      <c r="B34" s="4" t="s">
        <v>600</v>
      </c>
      <c r="C34" s="12">
        <v>2482873000</v>
      </c>
      <c r="D34" s="12">
        <v>3104639262.8200002</v>
      </c>
    </row>
    <row r="36" spans="1:7" x14ac:dyDescent="0.25">
      <c r="A36" s="10" t="s">
        <v>6</v>
      </c>
      <c r="B36" s="10" t="s">
        <v>601</v>
      </c>
      <c r="C36" s="10" t="s">
        <v>602</v>
      </c>
      <c r="D36" s="10" t="s">
        <v>603</v>
      </c>
      <c r="E36" s="10" t="s">
        <v>604</v>
      </c>
      <c r="F36" s="10" t="s">
        <v>605</v>
      </c>
      <c r="G36" s="10" t="s">
        <v>606</v>
      </c>
    </row>
    <row r="37" spans="1:7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0" t="s">
        <v>7</v>
      </c>
      <c r="F37" s="10" t="s">
        <v>7</v>
      </c>
      <c r="G37" s="10" t="s">
        <v>7</v>
      </c>
    </row>
    <row r="38" spans="1:7" x14ac:dyDescent="0.25">
      <c r="A38" s="3" t="s">
        <v>63</v>
      </c>
      <c r="B38" s="5" t="s">
        <v>607</v>
      </c>
      <c r="C38" s="11">
        <v>3165127800</v>
      </c>
      <c r="D38" s="11">
        <v>3144791868.2800002</v>
      </c>
      <c r="E38" s="11">
        <v>3144791868.2800002</v>
      </c>
      <c r="F38" s="11">
        <v>3131242879.6799998</v>
      </c>
      <c r="G38" s="11">
        <v>0</v>
      </c>
    </row>
    <row r="39" spans="1:7" x14ac:dyDescent="0.25">
      <c r="A39" s="2" t="s">
        <v>65</v>
      </c>
      <c r="B39" s="4" t="s">
        <v>608</v>
      </c>
      <c r="C39" s="12">
        <v>2714091351.6900001</v>
      </c>
      <c r="D39" s="12">
        <v>2699578349.5100002</v>
      </c>
      <c r="E39" s="12">
        <v>2699578349.5100002</v>
      </c>
      <c r="F39" s="12">
        <v>2687633015.8000002</v>
      </c>
      <c r="G39" s="12">
        <v>0</v>
      </c>
    </row>
    <row r="40" spans="1:7" x14ac:dyDescent="0.25">
      <c r="A40" s="2" t="s">
        <v>67</v>
      </c>
      <c r="B40" s="4" t="s">
        <v>609</v>
      </c>
      <c r="C40" s="12">
        <v>451036448.31</v>
      </c>
      <c r="D40" s="12">
        <v>445213518.76999998</v>
      </c>
      <c r="E40" s="12">
        <v>445213518.76999998</v>
      </c>
      <c r="F40" s="12">
        <v>443609863.88</v>
      </c>
      <c r="G40" s="12">
        <v>0</v>
      </c>
    </row>
    <row r="41" spans="1:7" x14ac:dyDescent="0.25">
      <c r="A41" s="3" t="s">
        <v>69</v>
      </c>
      <c r="B41" s="5" t="s">
        <v>610</v>
      </c>
      <c r="C41" s="11">
        <v>30275006</v>
      </c>
      <c r="D41" s="11">
        <v>22843534.91</v>
      </c>
      <c r="E41" s="11">
        <v>22843534.91</v>
      </c>
      <c r="F41" s="11">
        <v>16749750.58</v>
      </c>
      <c r="G41" s="11">
        <v>0</v>
      </c>
    </row>
    <row r="42" spans="1:7" x14ac:dyDescent="0.25">
      <c r="A42" s="2" t="s">
        <v>71</v>
      </c>
      <c r="B42" s="4" t="s">
        <v>593</v>
      </c>
      <c r="C42" s="12">
        <v>24550000</v>
      </c>
      <c r="D42" s="12">
        <v>22580565.27</v>
      </c>
      <c r="E42" s="12">
        <v>22580565.27</v>
      </c>
      <c r="F42" s="12">
        <v>16486780.939999999</v>
      </c>
      <c r="G42" s="12">
        <v>0</v>
      </c>
    </row>
    <row r="43" spans="1:7" x14ac:dyDescent="0.25">
      <c r="A43" s="2" t="s">
        <v>73</v>
      </c>
      <c r="B43" s="4" t="s">
        <v>611</v>
      </c>
      <c r="C43" s="12">
        <v>5725006</v>
      </c>
      <c r="D43" s="12">
        <v>262969.64</v>
      </c>
      <c r="E43" s="12">
        <v>262969.64</v>
      </c>
      <c r="F43" s="12">
        <v>262969.64</v>
      </c>
      <c r="G43" s="12">
        <v>0</v>
      </c>
    </row>
    <row r="44" spans="1:7" x14ac:dyDescent="0.25">
      <c r="A44" s="3" t="s">
        <v>75</v>
      </c>
      <c r="B44" s="5" t="s">
        <v>612</v>
      </c>
      <c r="C44" s="11">
        <v>3195402806</v>
      </c>
      <c r="D44" s="11">
        <v>3167635403.1900001</v>
      </c>
      <c r="E44" s="11">
        <v>3167635403.1900001</v>
      </c>
      <c r="F44" s="11">
        <v>3147992630.2600002</v>
      </c>
      <c r="G44" s="11">
        <v>0</v>
      </c>
    </row>
    <row r="46" spans="1:7" x14ac:dyDescent="0.25">
      <c r="A46" s="10" t="s">
        <v>6</v>
      </c>
      <c r="B46" s="10" t="s">
        <v>613</v>
      </c>
      <c r="C46" s="10" t="s">
        <v>602</v>
      </c>
      <c r="D46" s="10" t="s">
        <v>603</v>
      </c>
      <c r="E46" s="10" t="s">
        <v>604</v>
      </c>
      <c r="F46" s="10" t="s">
        <v>605</v>
      </c>
      <c r="G46" s="10" t="s">
        <v>606</v>
      </c>
    </row>
    <row r="47" spans="1:7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0" t="s">
        <v>7</v>
      </c>
      <c r="F47" s="10" t="s">
        <v>7</v>
      </c>
      <c r="G47" s="10" t="s">
        <v>7</v>
      </c>
    </row>
    <row r="48" spans="1:7" x14ac:dyDescent="0.25">
      <c r="A48" s="2" t="s">
        <v>77</v>
      </c>
      <c r="B48" s="4" t="s">
        <v>614</v>
      </c>
      <c r="C48" s="12">
        <v>-712529806</v>
      </c>
      <c r="D48" s="12">
        <v>-62996140.369999997</v>
      </c>
      <c r="E48" s="12">
        <v>-62996140.369999997</v>
      </c>
      <c r="F48" s="12">
        <v>-43353367.439999998</v>
      </c>
      <c r="G48" s="12">
        <v>0</v>
      </c>
    </row>
    <row r="50" spans="1:3" x14ac:dyDescent="0.25">
      <c r="A50" s="10" t="s">
        <v>6</v>
      </c>
      <c r="B50" s="10" t="s">
        <v>615</v>
      </c>
      <c r="C50" s="10" t="s">
        <v>616</v>
      </c>
    </row>
    <row r="51" spans="1:3" x14ac:dyDescent="0.25">
      <c r="A51" s="10" t="s">
        <v>7</v>
      </c>
      <c r="B51" s="10" t="s">
        <v>7</v>
      </c>
      <c r="C51" s="10" t="s">
        <v>7</v>
      </c>
    </row>
    <row r="52" spans="1:3" x14ac:dyDescent="0.25">
      <c r="A52" s="2" t="s">
        <v>79</v>
      </c>
      <c r="B52" s="4" t="s">
        <v>617</v>
      </c>
      <c r="C52" s="12">
        <v>0</v>
      </c>
    </row>
    <row r="54" spans="1:3" x14ac:dyDescent="0.25">
      <c r="A54" s="10" t="s">
        <v>6</v>
      </c>
      <c r="B54" s="10" t="s">
        <v>618</v>
      </c>
      <c r="C54" s="10" t="s">
        <v>616</v>
      </c>
    </row>
    <row r="55" spans="1:3" x14ac:dyDescent="0.25">
      <c r="A55" s="10" t="s">
        <v>7</v>
      </c>
      <c r="B55" s="10" t="s">
        <v>7</v>
      </c>
      <c r="C55" s="10" t="s">
        <v>7</v>
      </c>
    </row>
    <row r="56" spans="1:3" x14ac:dyDescent="0.25">
      <c r="A56" s="2" t="s">
        <v>81</v>
      </c>
      <c r="B56" s="4" t="s">
        <v>617</v>
      </c>
      <c r="C56" s="12">
        <v>134138000</v>
      </c>
    </row>
    <row r="58" spans="1:3" x14ac:dyDescent="0.25">
      <c r="A58" s="10" t="s">
        <v>6</v>
      </c>
      <c r="B58" s="10" t="s">
        <v>619</v>
      </c>
      <c r="C58" s="10" t="s">
        <v>620</v>
      </c>
    </row>
    <row r="59" spans="1:3" x14ac:dyDescent="0.25">
      <c r="A59" s="10" t="s">
        <v>7</v>
      </c>
      <c r="B59" s="10" t="s">
        <v>7</v>
      </c>
      <c r="C59" s="10" t="s">
        <v>7</v>
      </c>
    </row>
    <row r="60" spans="1:3" x14ac:dyDescent="0.25">
      <c r="A60" s="2" t="s">
        <v>83</v>
      </c>
      <c r="B60" s="4" t="s">
        <v>621</v>
      </c>
      <c r="C60" s="12">
        <v>0</v>
      </c>
    </row>
    <row r="61" spans="1:3" x14ac:dyDescent="0.25">
      <c r="A61" s="2" t="s">
        <v>85</v>
      </c>
      <c r="B61" s="4" t="s">
        <v>622</v>
      </c>
      <c r="C61" s="12">
        <v>0</v>
      </c>
    </row>
    <row r="62" spans="1:3" x14ac:dyDescent="0.25">
      <c r="A62" s="2" t="s">
        <v>87</v>
      </c>
      <c r="B62" s="4" t="s">
        <v>623</v>
      </c>
      <c r="C62" s="12">
        <v>67514113.799999997</v>
      </c>
    </row>
    <row r="63" spans="1:3" x14ac:dyDescent="0.25">
      <c r="A63" s="2" t="s">
        <v>89</v>
      </c>
      <c r="B63" s="4" t="s">
        <v>624</v>
      </c>
      <c r="C63" s="12">
        <v>155906501.69</v>
      </c>
    </row>
    <row r="65" spans="1:4" x14ac:dyDescent="0.25">
      <c r="A65" s="10" t="s">
        <v>6</v>
      </c>
      <c r="B65" s="10" t="s">
        <v>625</v>
      </c>
      <c r="C65" s="10" t="s">
        <v>626</v>
      </c>
    </row>
    <row r="66" spans="1:4" x14ac:dyDescent="0.25">
      <c r="A66" s="10" t="s">
        <v>7</v>
      </c>
      <c r="B66" s="10" t="s">
        <v>7</v>
      </c>
      <c r="C66" s="10" t="s">
        <v>7</v>
      </c>
    </row>
    <row r="67" spans="1:4" x14ac:dyDescent="0.25">
      <c r="A67" s="2" t="s">
        <v>91</v>
      </c>
      <c r="B67" s="4" t="s">
        <v>627</v>
      </c>
      <c r="C67" s="12">
        <v>25608432.379999999</v>
      </c>
    </row>
    <row r="68" spans="1:4" x14ac:dyDescent="0.25">
      <c r="A68" s="2" t="s">
        <v>93</v>
      </c>
      <c r="B68" s="4" t="s">
        <v>628</v>
      </c>
      <c r="C68" s="12">
        <v>103422392.48999999</v>
      </c>
    </row>
    <row r="69" spans="1:4" x14ac:dyDescent="0.25">
      <c r="A69" s="2" t="s">
        <v>95</v>
      </c>
      <c r="B69" s="4" t="s">
        <v>629</v>
      </c>
      <c r="C69" s="12">
        <v>62478869.619999997</v>
      </c>
    </row>
    <row r="71" spans="1:4" x14ac:dyDescent="0.25">
      <c r="A71" s="10" t="s">
        <v>6</v>
      </c>
      <c r="B71" s="10" t="s">
        <v>630</v>
      </c>
      <c r="C71" s="10" t="s">
        <v>10</v>
      </c>
      <c r="D71" s="10" t="s">
        <v>580</v>
      </c>
    </row>
    <row r="72" spans="1:4" x14ac:dyDescent="0.25">
      <c r="A72" s="10" t="s">
        <v>7</v>
      </c>
      <c r="B72" s="10" t="s">
        <v>7</v>
      </c>
      <c r="C72" s="10" t="s">
        <v>7</v>
      </c>
      <c r="D72" s="10" t="s">
        <v>7</v>
      </c>
    </row>
    <row r="73" spans="1:4" x14ac:dyDescent="0.25">
      <c r="A73" s="3" t="s">
        <v>97</v>
      </c>
      <c r="B73" s="5" t="s">
        <v>631</v>
      </c>
      <c r="C73" s="11">
        <v>0</v>
      </c>
      <c r="D73" s="11">
        <v>0</v>
      </c>
    </row>
    <row r="74" spans="1:4" x14ac:dyDescent="0.25">
      <c r="A74" s="3" t="s">
        <v>99</v>
      </c>
      <c r="B74" s="5" t="s">
        <v>632</v>
      </c>
      <c r="C74" s="11">
        <v>0</v>
      </c>
      <c r="D74" s="11">
        <v>0</v>
      </c>
    </row>
    <row r="75" spans="1:4" x14ac:dyDescent="0.25">
      <c r="A75" s="2" t="s">
        <v>101</v>
      </c>
      <c r="B75" s="4" t="s">
        <v>633</v>
      </c>
      <c r="C75" s="12">
        <v>0</v>
      </c>
      <c r="D75" s="12">
        <v>0</v>
      </c>
    </row>
    <row r="76" spans="1:4" x14ac:dyDescent="0.25">
      <c r="A76" s="2" t="s">
        <v>103</v>
      </c>
      <c r="B76" s="4" t="s">
        <v>634</v>
      </c>
      <c r="C76" s="12">
        <v>0</v>
      </c>
      <c r="D76" s="12">
        <v>0</v>
      </c>
    </row>
    <row r="77" spans="1:4" x14ac:dyDescent="0.25">
      <c r="A77" s="2" t="s">
        <v>105</v>
      </c>
      <c r="B77" s="4" t="s">
        <v>635</v>
      </c>
      <c r="C77" s="12">
        <v>0</v>
      </c>
      <c r="D77" s="12">
        <v>0</v>
      </c>
    </row>
    <row r="78" spans="1:4" x14ac:dyDescent="0.25">
      <c r="A78" s="3" t="s">
        <v>107</v>
      </c>
      <c r="B78" s="5" t="s">
        <v>636</v>
      </c>
      <c r="C78" s="11">
        <v>0</v>
      </c>
      <c r="D78" s="11">
        <v>0</v>
      </c>
    </row>
    <row r="79" spans="1:4" x14ac:dyDescent="0.25">
      <c r="A79" s="2" t="s">
        <v>109</v>
      </c>
      <c r="B79" s="4" t="s">
        <v>633</v>
      </c>
      <c r="C79" s="12">
        <v>0</v>
      </c>
      <c r="D79" s="12">
        <v>0</v>
      </c>
    </row>
    <row r="80" spans="1:4" x14ac:dyDescent="0.25">
      <c r="A80" s="2" t="s">
        <v>111</v>
      </c>
      <c r="B80" s="4" t="s">
        <v>634</v>
      </c>
      <c r="C80" s="12">
        <v>0</v>
      </c>
      <c r="D80" s="12">
        <v>0</v>
      </c>
    </row>
    <row r="81" spans="1:7" x14ac:dyDescent="0.25">
      <c r="A81" s="2" t="s">
        <v>113</v>
      </c>
      <c r="B81" s="4" t="s">
        <v>635</v>
      </c>
      <c r="C81" s="12">
        <v>0</v>
      </c>
      <c r="D81" s="12">
        <v>0</v>
      </c>
    </row>
    <row r="82" spans="1:7" x14ac:dyDescent="0.25">
      <c r="A82" s="3" t="s">
        <v>115</v>
      </c>
      <c r="B82" s="5" t="s">
        <v>637</v>
      </c>
      <c r="C82" s="11">
        <v>0</v>
      </c>
      <c r="D82" s="11">
        <v>0</v>
      </c>
    </row>
    <row r="83" spans="1:7" x14ac:dyDescent="0.25">
      <c r="A83" s="2" t="s">
        <v>117</v>
      </c>
      <c r="B83" s="4" t="s">
        <v>638</v>
      </c>
      <c r="C83" s="12">
        <v>0</v>
      </c>
      <c r="D83" s="12">
        <v>0</v>
      </c>
    </row>
    <row r="84" spans="1:7" x14ac:dyDescent="0.25">
      <c r="A84" s="2" t="s">
        <v>119</v>
      </c>
      <c r="B84" s="4" t="s">
        <v>639</v>
      </c>
      <c r="C84" s="12">
        <v>0</v>
      </c>
      <c r="D84" s="12">
        <v>0</v>
      </c>
    </row>
    <row r="85" spans="1:7" x14ac:dyDescent="0.25">
      <c r="A85" s="2" t="s">
        <v>120</v>
      </c>
      <c r="B85" s="4" t="s">
        <v>640</v>
      </c>
      <c r="C85" s="12">
        <v>0</v>
      </c>
      <c r="D85" s="12">
        <v>0</v>
      </c>
    </row>
    <row r="86" spans="1:7" x14ac:dyDescent="0.25">
      <c r="A86" s="2" t="s">
        <v>121</v>
      </c>
      <c r="B86" s="4" t="s">
        <v>641</v>
      </c>
      <c r="C86" s="12">
        <v>0</v>
      </c>
      <c r="D86" s="12">
        <v>0</v>
      </c>
    </row>
    <row r="87" spans="1:7" x14ac:dyDescent="0.25">
      <c r="A87" s="3" t="s">
        <v>122</v>
      </c>
      <c r="B87" s="5" t="s">
        <v>642</v>
      </c>
      <c r="C87" s="11">
        <v>0</v>
      </c>
      <c r="D87" s="11">
        <v>0</v>
      </c>
    </row>
    <row r="88" spans="1:7" x14ac:dyDescent="0.25">
      <c r="A88" s="2" t="s">
        <v>123</v>
      </c>
      <c r="B88" s="4" t="s">
        <v>643</v>
      </c>
      <c r="C88" s="12">
        <v>0</v>
      </c>
      <c r="D88" s="12">
        <v>0</v>
      </c>
    </row>
    <row r="89" spans="1:7" x14ac:dyDescent="0.25">
      <c r="A89" s="2" t="s">
        <v>124</v>
      </c>
      <c r="B89" s="4" t="s">
        <v>308</v>
      </c>
      <c r="C89" s="12">
        <v>0</v>
      </c>
      <c r="D89" s="12">
        <v>0</v>
      </c>
    </row>
    <row r="90" spans="1:7" x14ac:dyDescent="0.25">
      <c r="A90" s="3" t="s">
        <v>125</v>
      </c>
      <c r="B90" s="5" t="s">
        <v>644</v>
      </c>
      <c r="C90" s="11">
        <v>0</v>
      </c>
      <c r="D90" s="11">
        <v>0</v>
      </c>
    </row>
    <row r="91" spans="1:7" x14ac:dyDescent="0.25">
      <c r="A91" s="2" t="s">
        <v>126</v>
      </c>
      <c r="B91" s="4" t="s">
        <v>645</v>
      </c>
      <c r="C91" s="12">
        <v>0</v>
      </c>
      <c r="D91" s="12">
        <v>0</v>
      </c>
    </row>
    <row r="92" spans="1:7" x14ac:dyDescent="0.25">
      <c r="A92" s="2" t="s">
        <v>127</v>
      </c>
      <c r="B92" s="4" t="s">
        <v>646</v>
      </c>
      <c r="C92" s="12">
        <v>0</v>
      </c>
      <c r="D92" s="12">
        <v>0</v>
      </c>
    </row>
    <row r="93" spans="1:7" x14ac:dyDescent="0.25">
      <c r="A93" s="2" t="s">
        <v>129</v>
      </c>
      <c r="B93" s="4" t="s">
        <v>647</v>
      </c>
      <c r="C93" s="12">
        <v>0</v>
      </c>
      <c r="D93" s="12">
        <v>0</v>
      </c>
    </row>
    <row r="94" spans="1:7" x14ac:dyDescent="0.25">
      <c r="A94" s="3" t="s">
        <v>131</v>
      </c>
      <c r="B94" s="5" t="s">
        <v>648</v>
      </c>
      <c r="C94" s="11">
        <v>0</v>
      </c>
      <c r="D94" s="11">
        <v>0</v>
      </c>
    </row>
    <row r="96" spans="1:7" x14ac:dyDescent="0.25">
      <c r="A96" s="10" t="s">
        <v>6</v>
      </c>
      <c r="B96" s="10" t="s">
        <v>649</v>
      </c>
      <c r="C96" s="10" t="s">
        <v>602</v>
      </c>
      <c r="D96" s="10" t="s">
        <v>603</v>
      </c>
      <c r="E96" s="10" t="s">
        <v>604</v>
      </c>
      <c r="F96" s="10" t="s">
        <v>605</v>
      </c>
      <c r="G96" s="10" t="s">
        <v>606</v>
      </c>
    </row>
    <row r="97" spans="1:7" x14ac:dyDescent="0.25">
      <c r="A97" s="10" t="s">
        <v>7</v>
      </c>
      <c r="B97" s="10" t="s">
        <v>7</v>
      </c>
      <c r="C97" s="10" t="s">
        <v>7</v>
      </c>
      <c r="D97" s="10" t="s">
        <v>7</v>
      </c>
      <c r="E97" s="10" t="s">
        <v>7</v>
      </c>
      <c r="F97" s="10" t="s">
        <v>7</v>
      </c>
      <c r="G97" s="10" t="s">
        <v>7</v>
      </c>
    </row>
    <row r="98" spans="1:7" x14ac:dyDescent="0.25">
      <c r="A98" s="3" t="s">
        <v>133</v>
      </c>
      <c r="B98" s="5" t="s">
        <v>607</v>
      </c>
      <c r="C98" s="11">
        <v>0</v>
      </c>
      <c r="D98" s="11">
        <v>0</v>
      </c>
      <c r="E98" s="11">
        <v>0</v>
      </c>
      <c r="F98" s="11">
        <v>0</v>
      </c>
      <c r="G98" s="11">
        <v>0</v>
      </c>
    </row>
    <row r="99" spans="1:7" x14ac:dyDescent="0.25">
      <c r="A99" s="2" t="s">
        <v>135</v>
      </c>
      <c r="B99" s="4" t="s">
        <v>650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</row>
    <row r="100" spans="1:7" x14ac:dyDescent="0.25">
      <c r="A100" s="2" t="s">
        <v>137</v>
      </c>
      <c r="B100" s="4" t="s">
        <v>609</v>
      </c>
      <c r="C100" s="12">
        <v>0</v>
      </c>
      <c r="D100" s="12">
        <v>0</v>
      </c>
      <c r="E100" s="12">
        <v>0</v>
      </c>
      <c r="F100" s="12">
        <v>0</v>
      </c>
      <c r="G100" s="12">
        <v>0</v>
      </c>
    </row>
    <row r="101" spans="1:7" x14ac:dyDescent="0.25">
      <c r="A101" s="3" t="s">
        <v>139</v>
      </c>
      <c r="B101" s="5" t="s">
        <v>610</v>
      </c>
      <c r="C101" s="11">
        <v>0</v>
      </c>
      <c r="D101" s="11">
        <v>0</v>
      </c>
      <c r="E101" s="11">
        <v>0</v>
      </c>
      <c r="F101" s="11">
        <v>0</v>
      </c>
      <c r="G101" s="11">
        <v>0</v>
      </c>
    </row>
    <row r="102" spans="1:7" x14ac:dyDescent="0.25">
      <c r="A102" s="2" t="s">
        <v>141</v>
      </c>
      <c r="B102" s="4" t="s">
        <v>651</v>
      </c>
      <c r="C102" s="12">
        <v>0</v>
      </c>
      <c r="D102" s="12">
        <v>0</v>
      </c>
      <c r="E102" s="12">
        <v>0</v>
      </c>
      <c r="F102" s="12">
        <v>0</v>
      </c>
      <c r="G102" s="12">
        <v>0</v>
      </c>
    </row>
    <row r="103" spans="1:7" x14ac:dyDescent="0.25">
      <c r="A103" s="2" t="s">
        <v>143</v>
      </c>
      <c r="B103" s="4" t="s">
        <v>611</v>
      </c>
      <c r="C103" s="12">
        <v>0</v>
      </c>
      <c r="D103" s="12">
        <v>0</v>
      </c>
      <c r="E103" s="12">
        <v>0</v>
      </c>
      <c r="F103" s="12">
        <v>0</v>
      </c>
      <c r="G103" s="12">
        <v>0</v>
      </c>
    </row>
    <row r="104" spans="1:7" x14ac:dyDescent="0.25">
      <c r="A104" s="3" t="s">
        <v>145</v>
      </c>
      <c r="B104" s="5" t="s">
        <v>652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</row>
    <row r="106" spans="1:7" x14ac:dyDescent="0.25">
      <c r="A106" s="10" t="s">
        <v>6</v>
      </c>
      <c r="B106" s="10" t="s">
        <v>653</v>
      </c>
      <c r="C106" s="10" t="s">
        <v>602</v>
      </c>
      <c r="D106" s="10" t="s">
        <v>603</v>
      </c>
      <c r="E106" s="10" t="s">
        <v>604</v>
      </c>
      <c r="F106" s="10" t="s">
        <v>605</v>
      </c>
      <c r="G106" s="10" t="s">
        <v>606</v>
      </c>
    </row>
    <row r="107" spans="1:7" x14ac:dyDescent="0.25">
      <c r="A107" s="10" t="s">
        <v>7</v>
      </c>
      <c r="B107" s="10" t="s">
        <v>7</v>
      </c>
      <c r="C107" s="10" t="s">
        <v>7</v>
      </c>
      <c r="D107" s="10" t="s">
        <v>7</v>
      </c>
      <c r="E107" s="10" t="s">
        <v>7</v>
      </c>
      <c r="F107" s="10" t="s">
        <v>7</v>
      </c>
      <c r="G107" s="10" t="s">
        <v>7</v>
      </c>
    </row>
    <row r="108" spans="1:7" x14ac:dyDescent="0.25">
      <c r="A108" s="2" t="s">
        <v>147</v>
      </c>
      <c r="B108" s="4" t="s">
        <v>654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</row>
    <row r="110" spans="1:7" x14ac:dyDescent="0.25">
      <c r="A110" s="10" t="s">
        <v>6</v>
      </c>
      <c r="B110" s="10" t="s">
        <v>655</v>
      </c>
      <c r="C110" s="10" t="s">
        <v>620</v>
      </c>
    </row>
    <row r="111" spans="1:7" x14ac:dyDescent="0.25">
      <c r="A111" s="10" t="s">
        <v>7</v>
      </c>
      <c r="B111" s="10" t="s">
        <v>7</v>
      </c>
      <c r="C111" s="10" t="s">
        <v>7</v>
      </c>
    </row>
    <row r="112" spans="1:7" x14ac:dyDescent="0.25">
      <c r="A112" s="2" t="s">
        <v>149</v>
      </c>
      <c r="B112" s="4" t="s">
        <v>656</v>
      </c>
      <c r="C112" s="12">
        <v>0</v>
      </c>
    </row>
    <row r="113" spans="1:7" x14ac:dyDescent="0.25">
      <c r="A113" s="2" t="s">
        <v>151</v>
      </c>
      <c r="B113" s="4" t="s">
        <v>657</v>
      </c>
      <c r="C113" s="12">
        <v>0</v>
      </c>
    </row>
    <row r="115" spans="1:7" x14ac:dyDescent="0.25">
      <c r="A115" s="10" t="s">
        <v>6</v>
      </c>
      <c r="B115" s="10" t="s">
        <v>658</v>
      </c>
      <c r="C115" s="10" t="s">
        <v>10</v>
      </c>
      <c r="D115" s="10" t="s">
        <v>580</v>
      </c>
    </row>
    <row r="116" spans="1:7" x14ac:dyDescent="0.25">
      <c r="A116" s="10" t="s">
        <v>7</v>
      </c>
      <c r="B116" s="10" t="s">
        <v>7</v>
      </c>
      <c r="C116" s="10" t="s">
        <v>7</v>
      </c>
      <c r="D116" s="10" t="s">
        <v>7</v>
      </c>
    </row>
    <row r="117" spans="1:7" x14ac:dyDescent="0.25">
      <c r="A117" s="2" t="s">
        <v>152</v>
      </c>
      <c r="B117" s="4" t="s">
        <v>659</v>
      </c>
      <c r="C117" s="12">
        <v>8000000</v>
      </c>
      <c r="D117" s="12">
        <v>0</v>
      </c>
    </row>
    <row r="118" spans="1:7" x14ac:dyDescent="0.25">
      <c r="A118" s="3" t="s">
        <v>153</v>
      </c>
      <c r="B118" s="5" t="s">
        <v>660</v>
      </c>
      <c r="C118" s="11">
        <v>8000000</v>
      </c>
      <c r="D118" s="11">
        <v>0</v>
      </c>
    </row>
    <row r="120" spans="1:7" x14ac:dyDescent="0.25">
      <c r="A120" s="10" t="s">
        <v>6</v>
      </c>
      <c r="B120" s="10" t="s">
        <v>661</v>
      </c>
      <c r="C120" s="10" t="s">
        <v>602</v>
      </c>
      <c r="D120" s="10" t="s">
        <v>603</v>
      </c>
      <c r="E120" s="10" t="s">
        <v>604</v>
      </c>
      <c r="F120" s="10" t="s">
        <v>605</v>
      </c>
      <c r="G120" s="10" t="s">
        <v>606</v>
      </c>
    </row>
    <row r="121" spans="1:7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0" t="s">
        <v>7</v>
      </c>
      <c r="F121" s="10" t="s">
        <v>7</v>
      </c>
      <c r="G121" s="10" t="s">
        <v>7</v>
      </c>
    </row>
    <row r="122" spans="1:7" x14ac:dyDescent="0.25">
      <c r="A122" s="3" t="s">
        <v>155</v>
      </c>
      <c r="B122" s="5" t="s">
        <v>662</v>
      </c>
      <c r="C122" s="11">
        <v>36487927.18</v>
      </c>
      <c r="D122" s="11">
        <v>20376513.010000002</v>
      </c>
      <c r="E122" s="11">
        <v>20331848.199999999</v>
      </c>
      <c r="F122" s="11">
        <v>20304015.289999999</v>
      </c>
      <c r="G122" s="11">
        <v>44664.81</v>
      </c>
    </row>
    <row r="123" spans="1:7" x14ac:dyDescent="0.25">
      <c r="A123" s="2" t="s">
        <v>157</v>
      </c>
      <c r="B123" s="4" t="s">
        <v>663</v>
      </c>
      <c r="C123" s="12">
        <v>8191544</v>
      </c>
      <c r="D123" s="12">
        <v>3777917.73</v>
      </c>
      <c r="E123" s="12">
        <v>3777917.73</v>
      </c>
      <c r="F123" s="12">
        <v>3777917.73</v>
      </c>
      <c r="G123" s="12">
        <v>0</v>
      </c>
    </row>
    <row r="124" spans="1:7" x14ac:dyDescent="0.25">
      <c r="A124" s="2" t="s">
        <v>159</v>
      </c>
      <c r="B124" s="4" t="s">
        <v>664</v>
      </c>
      <c r="C124" s="12">
        <v>28296383.18</v>
      </c>
      <c r="D124" s="12">
        <v>16598595.279999999</v>
      </c>
      <c r="E124" s="12">
        <v>16553930.470000001</v>
      </c>
      <c r="F124" s="12">
        <v>16526097.560000001</v>
      </c>
      <c r="G124" s="12">
        <v>44664.81</v>
      </c>
    </row>
    <row r="125" spans="1:7" x14ac:dyDescent="0.25">
      <c r="A125" s="2" t="s">
        <v>161</v>
      </c>
      <c r="B125" s="4" t="s">
        <v>665</v>
      </c>
      <c r="C125" s="12">
        <v>276340</v>
      </c>
      <c r="D125" s="12">
        <v>62331</v>
      </c>
      <c r="E125" s="12">
        <v>21590</v>
      </c>
      <c r="F125" s="12">
        <v>770</v>
      </c>
      <c r="G125" s="12">
        <v>40741</v>
      </c>
    </row>
    <row r="126" spans="1:7" x14ac:dyDescent="0.25">
      <c r="A126" s="3" t="s">
        <v>163</v>
      </c>
      <c r="B126" s="5" t="s">
        <v>666</v>
      </c>
      <c r="C126" s="11">
        <v>36764267.18</v>
      </c>
      <c r="D126" s="11">
        <v>20438844.010000002</v>
      </c>
      <c r="E126" s="11">
        <v>20353438.199999999</v>
      </c>
      <c r="F126" s="11">
        <v>20304785.289999999</v>
      </c>
      <c r="G126" s="11">
        <v>85405.81</v>
      </c>
    </row>
    <row r="128" spans="1:7" x14ac:dyDescent="0.25">
      <c r="A128" s="10" t="s">
        <v>6</v>
      </c>
      <c r="B128" s="10" t="s">
        <v>667</v>
      </c>
      <c r="C128" s="10" t="s">
        <v>602</v>
      </c>
      <c r="D128" s="10" t="s">
        <v>603</v>
      </c>
      <c r="E128" s="10" t="s">
        <v>604</v>
      </c>
      <c r="F128" s="10" t="s">
        <v>605</v>
      </c>
      <c r="G128" s="10" t="s">
        <v>606</v>
      </c>
    </row>
    <row r="129" spans="1:7" x14ac:dyDescent="0.25">
      <c r="A129" s="10" t="s">
        <v>7</v>
      </c>
      <c r="B129" s="10" t="s">
        <v>7</v>
      </c>
      <c r="C129" s="10" t="s">
        <v>7</v>
      </c>
      <c r="D129" s="10" t="s">
        <v>7</v>
      </c>
      <c r="E129" s="10" t="s">
        <v>7</v>
      </c>
      <c r="F129" s="10" t="s">
        <v>7</v>
      </c>
      <c r="G129" s="10" t="s">
        <v>7</v>
      </c>
    </row>
    <row r="130" spans="1:7" x14ac:dyDescent="0.25">
      <c r="A130" s="2" t="s">
        <v>178</v>
      </c>
      <c r="B130" s="4" t="s">
        <v>668</v>
      </c>
      <c r="C130" s="12">
        <v>-28764267.18</v>
      </c>
      <c r="D130" s="12">
        <v>-20438844.010000002</v>
      </c>
      <c r="E130" s="12">
        <v>-20353438.199999999</v>
      </c>
      <c r="F130" s="12">
        <v>-20304785.289999999</v>
      </c>
      <c r="G130" s="12">
        <v>0</v>
      </c>
    </row>
    <row r="132" spans="1:7" x14ac:dyDescent="0.25">
      <c r="A132" s="10" t="s">
        <v>6</v>
      </c>
      <c r="B132" s="10" t="s">
        <v>669</v>
      </c>
      <c r="C132" s="10" t="s">
        <v>10</v>
      </c>
      <c r="D132" s="10" t="s">
        <v>580</v>
      </c>
    </row>
    <row r="133" spans="1:7" x14ac:dyDescent="0.25">
      <c r="A133" s="10" t="s">
        <v>7</v>
      </c>
      <c r="B133" s="10" t="s">
        <v>7</v>
      </c>
      <c r="C133" s="10" t="s">
        <v>7</v>
      </c>
      <c r="D133" s="10" t="s">
        <v>7</v>
      </c>
    </row>
    <row r="134" spans="1:7" x14ac:dyDescent="0.25">
      <c r="A134" s="2" t="s">
        <v>180</v>
      </c>
      <c r="B134" s="4" t="s">
        <v>670</v>
      </c>
      <c r="C134" s="12">
        <v>0</v>
      </c>
      <c r="D134" s="12">
        <v>0</v>
      </c>
    </row>
    <row r="135" spans="1:7" x14ac:dyDescent="0.25">
      <c r="A135" s="2" t="s">
        <v>182</v>
      </c>
      <c r="B135" s="4" t="s">
        <v>671</v>
      </c>
      <c r="C135" s="12">
        <v>0</v>
      </c>
      <c r="D135" s="12">
        <v>0</v>
      </c>
    </row>
    <row r="136" spans="1:7" x14ac:dyDescent="0.25">
      <c r="A136" s="3" t="s">
        <v>184</v>
      </c>
      <c r="B136" s="5" t="s">
        <v>672</v>
      </c>
      <c r="C136" s="11">
        <v>0</v>
      </c>
      <c r="D136" s="11">
        <v>0</v>
      </c>
    </row>
    <row r="138" spans="1:7" x14ac:dyDescent="0.25">
      <c r="A138" s="10" t="s">
        <v>6</v>
      </c>
      <c r="B138" s="10" t="s">
        <v>673</v>
      </c>
      <c r="C138" s="10" t="s">
        <v>602</v>
      </c>
      <c r="D138" s="10" t="s">
        <v>603</v>
      </c>
      <c r="E138" s="10" t="s">
        <v>604</v>
      </c>
      <c r="F138" s="10" t="s">
        <v>605</v>
      </c>
      <c r="G138" s="10" t="s">
        <v>606</v>
      </c>
    </row>
    <row r="139" spans="1:7" x14ac:dyDescent="0.25">
      <c r="A139" s="10" t="s">
        <v>7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0" t="s">
        <v>7</v>
      </c>
    </row>
    <row r="140" spans="1:7" x14ac:dyDescent="0.25">
      <c r="A140" s="2" t="s">
        <v>186</v>
      </c>
      <c r="B140" s="4" t="s">
        <v>674</v>
      </c>
      <c r="C140" s="12">
        <v>746489211.97000003</v>
      </c>
      <c r="D140" s="12">
        <v>668010956.20000005</v>
      </c>
      <c r="E140" s="12">
        <v>668010956.20000005</v>
      </c>
      <c r="F140" s="12">
        <v>668010956.20000005</v>
      </c>
      <c r="G140" s="12">
        <v>0</v>
      </c>
    </row>
    <row r="141" spans="1:7" x14ac:dyDescent="0.25">
      <c r="A141" s="2" t="s">
        <v>188</v>
      </c>
      <c r="B141" s="4" t="s">
        <v>675</v>
      </c>
      <c r="C141" s="12">
        <v>86285683.239999995</v>
      </c>
      <c r="D141" s="12">
        <v>82568455.930000007</v>
      </c>
      <c r="E141" s="12">
        <v>82568455.930000007</v>
      </c>
      <c r="F141" s="12">
        <v>82568455.930000007</v>
      </c>
      <c r="G141" s="12">
        <v>0</v>
      </c>
    </row>
    <row r="142" spans="1:7" x14ac:dyDescent="0.25">
      <c r="A142" s="2" t="s">
        <v>190</v>
      </c>
      <c r="B142" s="4" t="s">
        <v>610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</row>
    <row r="143" spans="1:7" x14ac:dyDescent="0.25">
      <c r="A143" s="3" t="s">
        <v>192</v>
      </c>
      <c r="B143" s="5" t="s">
        <v>676</v>
      </c>
      <c r="C143" s="11">
        <v>832774895.21000004</v>
      </c>
      <c r="D143" s="11">
        <v>750579412.13</v>
      </c>
      <c r="E143" s="11">
        <v>750579412.13</v>
      </c>
      <c r="F143" s="11">
        <v>750579412.13</v>
      </c>
      <c r="G143" s="11">
        <v>0</v>
      </c>
    </row>
    <row r="145" spans="1:7" x14ac:dyDescent="0.25">
      <c r="A145" s="10" t="s">
        <v>6</v>
      </c>
      <c r="B145" s="10" t="s">
        <v>677</v>
      </c>
      <c r="C145" s="10" t="s">
        <v>602</v>
      </c>
      <c r="D145" s="10" t="s">
        <v>603</v>
      </c>
      <c r="E145" s="10" t="s">
        <v>604</v>
      </c>
      <c r="F145" s="10" t="s">
        <v>605</v>
      </c>
      <c r="G145" s="10" t="s">
        <v>606</v>
      </c>
    </row>
    <row r="146" spans="1:7" x14ac:dyDescent="0.25">
      <c r="A146" s="10" t="s">
        <v>7</v>
      </c>
      <c r="B146" s="10" t="s">
        <v>7</v>
      </c>
      <c r="C146" s="10" t="s">
        <v>7</v>
      </c>
      <c r="D146" s="10" t="s">
        <v>7</v>
      </c>
      <c r="E146" s="10" t="s">
        <v>7</v>
      </c>
      <c r="F146" s="10" t="s">
        <v>7</v>
      </c>
      <c r="G146" s="10" t="s">
        <v>7</v>
      </c>
    </row>
    <row r="147" spans="1:7" x14ac:dyDescent="0.25">
      <c r="A147" s="2" t="s">
        <v>194</v>
      </c>
      <c r="B147" s="4" t="s">
        <v>678</v>
      </c>
      <c r="C147" s="12">
        <v>-832774895.21000004</v>
      </c>
      <c r="D147" s="12">
        <v>-750579412.13</v>
      </c>
      <c r="E147" s="12">
        <v>-750579412.13</v>
      </c>
      <c r="F147" s="12">
        <v>-750579412.13</v>
      </c>
      <c r="G147" s="12">
        <v>0</v>
      </c>
    </row>
    <row r="149" spans="1:7" x14ac:dyDescent="0.25">
      <c r="A149" s="10" t="s">
        <v>6</v>
      </c>
      <c r="B149" s="10" t="s">
        <v>679</v>
      </c>
      <c r="C149" s="10" t="s">
        <v>10</v>
      </c>
      <c r="D149" s="10" t="s">
        <v>580</v>
      </c>
    </row>
    <row r="150" spans="1:7" x14ac:dyDescent="0.25">
      <c r="A150" s="10" t="s">
        <v>7</v>
      </c>
      <c r="B150" s="10" t="s">
        <v>7</v>
      </c>
      <c r="C150" s="10" t="s">
        <v>7</v>
      </c>
      <c r="D150" s="10" t="s">
        <v>7</v>
      </c>
    </row>
    <row r="151" spans="1:7" x14ac:dyDescent="0.25">
      <c r="A151" s="2" t="s">
        <v>196</v>
      </c>
      <c r="B151" s="4" t="s">
        <v>680</v>
      </c>
      <c r="C151" s="12">
        <v>275903900</v>
      </c>
      <c r="D151" s="12">
        <v>56909619.229999997</v>
      </c>
    </row>
    <row r="152" spans="1:7" x14ac:dyDescent="0.25">
      <c r="A152" s="2" t="s">
        <v>198</v>
      </c>
      <c r="B152" s="4" t="s">
        <v>681</v>
      </c>
      <c r="C152" s="12">
        <v>126276700</v>
      </c>
      <c r="D152" s="12">
        <v>51957599.259999998</v>
      </c>
    </row>
    <row r="153" spans="1:7" x14ac:dyDescent="0.25">
      <c r="A153" s="2" t="s">
        <v>200</v>
      </c>
      <c r="B153" s="4" t="s">
        <v>682</v>
      </c>
      <c r="C153" s="12">
        <v>10912800</v>
      </c>
      <c r="D153" s="12">
        <v>8539727.5800000001</v>
      </c>
    </row>
    <row r="154" spans="1:7" x14ac:dyDescent="0.25">
      <c r="A154" s="2" t="s">
        <v>202</v>
      </c>
      <c r="B154" s="4" t="s">
        <v>683</v>
      </c>
      <c r="C154" s="12">
        <v>0</v>
      </c>
      <c r="D154" s="12">
        <v>3363.83</v>
      </c>
    </row>
    <row r="155" spans="1:7" x14ac:dyDescent="0.25">
      <c r="A155" s="3" t="s">
        <v>204</v>
      </c>
      <c r="B155" s="5" t="s">
        <v>684</v>
      </c>
      <c r="C155" s="11">
        <v>413093400</v>
      </c>
      <c r="D155" s="11">
        <v>117410309.90000001</v>
      </c>
    </row>
    <row r="157" spans="1:7" x14ac:dyDescent="0.25">
      <c r="A157" s="10" t="s">
        <v>6</v>
      </c>
      <c r="B157" s="10" t="s">
        <v>685</v>
      </c>
      <c r="C157" s="10" t="s">
        <v>602</v>
      </c>
      <c r="D157" s="10" t="s">
        <v>603</v>
      </c>
      <c r="E157" s="10" t="s">
        <v>604</v>
      </c>
      <c r="F157" s="10" t="s">
        <v>605</v>
      </c>
      <c r="G157" s="10" t="s">
        <v>606</v>
      </c>
    </row>
    <row r="158" spans="1:7" x14ac:dyDescent="0.25">
      <c r="A158" s="10" t="s">
        <v>7</v>
      </c>
      <c r="B158" s="10" t="s">
        <v>7</v>
      </c>
      <c r="C158" s="10" t="s">
        <v>7</v>
      </c>
      <c r="D158" s="10" t="s">
        <v>7</v>
      </c>
      <c r="E158" s="10" t="s">
        <v>7</v>
      </c>
      <c r="F158" s="10" t="s">
        <v>7</v>
      </c>
      <c r="G158" s="10" t="s">
        <v>7</v>
      </c>
    </row>
    <row r="159" spans="1:7" x14ac:dyDescent="0.25">
      <c r="A159" s="2" t="s">
        <v>206</v>
      </c>
      <c r="B159" s="4" t="s">
        <v>686</v>
      </c>
      <c r="C159" s="12">
        <v>124040081.98</v>
      </c>
      <c r="D159" s="12">
        <v>106615368.20999999</v>
      </c>
      <c r="E159" s="12">
        <v>106615368.20999999</v>
      </c>
      <c r="F159" s="12">
        <v>106615368.20999999</v>
      </c>
      <c r="G159" s="12">
        <v>0</v>
      </c>
    </row>
    <row r="160" spans="1:7" x14ac:dyDescent="0.25">
      <c r="A160" s="2" t="s">
        <v>208</v>
      </c>
      <c r="B160" s="4" t="s">
        <v>675</v>
      </c>
      <c r="C160" s="12">
        <v>8699918.0199999996</v>
      </c>
      <c r="D160" s="12">
        <v>8538409.4600000009</v>
      </c>
      <c r="E160" s="12">
        <v>8538409.4600000009</v>
      </c>
      <c r="F160" s="12">
        <v>8538409.4600000009</v>
      </c>
      <c r="G160" s="12">
        <v>0</v>
      </c>
    </row>
    <row r="161" spans="1:7" x14ac:dyDescent="0.25">
      <c r="A161" s="2" t="s">
        <v>210</v>
      </c>
      <c r="B161" s="4" t="s">
        <v>687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</row>
    <row r="162" spans="1:7" x14ac:dyDescent="0.25">
      <c r="A162" s="3" t="s">
        <v>212</v>
      </c>
      <c r="B162" s="5" t="s">
        <v>688</v>
      </c>
      <c r="C162" s="11">
        <v>132740000</v>
      </c>
      <c r="D162" s="11">
        <v>115153777.67</v>
      </c>
      <c r="E162" s="11">
        <v>115153777.67</v>
      </c>
      <c r="F162" s="11">
        <v>115153777.67</v>
      </c>
      <c r="G162" s="11">
        <v>0</v>
      </c>
    </row>
    <row r="164" spans="1:7" x14ac:dyDescent="0.25">
      <c r="A164" s="10" t="s">
        <v>6</v>
      </c>
      <c r="B164" s="10" t="s">
        <v>689</v>
      </c>
      <c r="C164" s="10" t="s">
        <v>602</v>
      </c>
      <c r="D164" s="10" t="s">
        <v>603</v>
      </c>
      <c r="E164" s="10" t="s">
        <v>604</v>
      </c>
      <c r="F164" s="10" t="s">
        <v>605</v>
      </c>
      <c r="G164" s="10" t="s">
        <v>606</v>
      </c>
    </row>
    <row r="165" spans="1:7" x14ac:dyDescent="0.25">
      <c r="A165" s="10" t="s">
        <v>7</v>
      </c>
      <c r="B165" s="10" t="s">
        <v>7</v>
      </c>
      <c r="C165" s="10" t="s">
        <v>7</v>
      </c>
      <c r="D165" s="10" t="s">
        <v>7</v>
      </c>
      <c r="E165" s="10" t="s">
        <v>7</v>
      </c>
      <c r="F165" s="10" t="s">
        <v>7</v>
      </c>
      <c r="G165" s="10" t="s">
        <v>7</v>
      </c>
    </row>
    <row r="166" spans="1:7" x14ac:dyDescent="0.25">
      <c r="A166" s="2" t="s">
        <v>214</v>
      </c>
      <c r="B166" s="4" t="s">
        <v>690</v>
      </c>
      <c r="C166" s="12">
        <v>280353400</v>
      </c>
      <c r="D166" s="12">
        <v>2256532.23</v>
      </c>
      <c r="E166" s="12">
        <v>2256532.23</v>
      </c>
      <c r="F166" s="12">
        <v>2256532.23</v>
      </c>
      <c r="G166" s="12">
        <v>0</v>
      </c>
    </row>
  </sheetData>
  <mergeCells count="111">
    <mergeCell ref="E157:E158"/>
    <mergeCell ref="F157:F158"/>
    <mergeCell ref="G157:G158"/>
    <mergeCell ref="A164:A165"/>
    <mergeCell ref="B164:B165"/>
    <mergeCell ref="C164:C165"/>
    <mergeCell ref="D164:D165"/>
    <mergeCell ref="E164:E165"/>
    <mergeCell ref="F164:F165"/>
    <mergeCell ref="G164:G165"/>
    <mergeCell ref="A149:A150"/>
    <mergeCell ref="B149:B150"/>
    <mergeCell ref="C149:C150"/>
    <mergeCell ref="D149:D150"/>
    <mergeCell ref="A157:A158"/>
    <mergeCell ref="B157:B158"/>
    <mergeCell ref="C157:C158"/>
    <mergeCell ref="D157:D158"/>
    <mergeCell ref="E138:E139"/>
    <mergeCell ref="F138:F139"/>
    <mergeCell ref="G138:G139"/>
    <mergeCell ref="A145:A146"/>
    <mergeCell ref="B145:B146"/>
    <mergeCell ref="C145:C146"/>
    <mergeCell ref="D145:D146"/>
    <mergeCell ref="E145:E146"/>
    <mergeCell ref="F145:F146"/>
    <mergeCell ref="G145:G146"/>
    <mergeCell ref="A132:A133"/>
    <mergeCell ref="B132:B133"/>
    <mergeCell ref="C132:C133"/>
    <mergeCell ref="D132:D133"/>
    <mergeCell ref="A138:A139"/>
    <mergeCell ref="B138:B139"/>
    <mergeCell ref="C138:C139"/>
    <mergeCell ref="D138:D139"/>
    <mergeCell ref="E120:E121"/>
    <mergeCell ref="F120:F121"/>
    <mergeCell ref="G120:G121"/>
    <mergeCell ref="A128:A129"/>
    <mergeCell ref="B128:B129"/>
    <mergeCell ref="C128:C129"/>
    <mergeCell ref="D128:D129"/>
    <mergeCell ref="E128:E129"/>
    <mergeCell ref="F128:F129"/>
    <mergeCell ref="G128:G129"/>
    <mergeCell ref="D115:D116"/>
    <mergeCell ref="A120:A121"/>
    <mergeCell ref="B120:B121"/>
    <mergeCell ref="C120:C121"/>
    <mergeCell ref="D120:D121"/>
    <mergeCell ref="A110:A111"/>
    <mergeCell ref="B110:B111"/>
    <mergeCell ref="C110:C111"/>
    <mergeCell ref="A115:A116"/>
    <mergeCell ref="B115:B116"/>
    <mergeCell ref="C115:C116"/>
    <mergeCell ref="E96:E97"/>
    <mergeCell ref="F96:F97"/>
    <mergeCell ref="G96:G97"/>
    <mergeCell ref="A106:A107"/>
    <mergeCell ref="B106:B107"/>
    <mergeCell ref="C106:C107"/>
    <mergeCell ref="D106:D107"/>
    <mergeCell ref="E106:E107"/>
    <mergeCell ref="F106:F107"/>
    <mergeCell ref="G106:G107"/>
    <mergeCell ref="A71:A72"/>
    <mergeCell ref="B71:B72"/>
    <mergeCell ref="C71:C72"/>
    <mergeCell ref="D71:D72"/>
    <mergeCell ref="A96:A97"/>
    <mergeCell ref="B96:B97"/>
    <mergeCell ref="C96:C97"/>
    <mergeCell ref="D96:D97"/>
    <mergeCell ref="A58:A59"/>
    <mergeCell ref="B58:B59"/>
    <mergeCell ref="C58:C59"/>
    <mergeCell ref="A65:A66"/>
    <mergeCell ref="B65:B66"/>
    <mergeCell ref="C65:C66"/>
    <mergeCell ref="A50:A51"/>
    <mergeCell ref="B50:B51"/>
    <mergeCell ref="C50:C51"/>
    <mergeCell ref="A54:A55"/>
    <mergeCell ref="B54:B55"/>
    <mergeCell ref="C54:C55"/>
    <mergeCell ref="F36:F37"/>
    <mergeCell ref="G36:G37"/>
    <mergeCell ref="A46:A47"/>
    <mergeCell ref="B46:B47"/>
    <mergeCell ref="C46:C47"/>
    <mergeCell ref="D46:D47"/>
    <mergeCell ref="E46:E47"/>
    <mergeCell ref="F46:F47"/>
    <mergeCell ref="G46:G47"/>
    <mergeCell ref="A36:A37"/>
    <mergeCell ref="B36:B37"/>
    <mergeCell ref="C36:C37"/>
    <mergeCell ref="D36:D37"/>
    <mergeCell ref="E36:E37"/>
    <mergeCell ref="A9:G9"/>
    <mergeCell ref="A10:A11"/>
    <mergeCell ref="B10:B11"/>
    <mergeCell ref="C10:C11"/>
    <mergeCell ref="D10:D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4" width="20.28515625" bestFit="1" customWidth="1"/>
    <col min="5" max="6" width="20.140625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91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92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93</v>
      </c>
      <c r="C10" s="10" t="s">
        <v>694</v>
      </c>
      <c r="D10" s="1" t="s">
        <v>695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96</v>
      </c>
    </row>
    <row r="12" spans="1:9" x14ac:dyDescent="0.25">
      <c r="A12" s="3" t="s">
        <v>17</v>
      </c>
      <c r="B12" s="5" t="s">
        <v>581</v>
      </c>
      <c r="C12" s="11">
        <v>16016239790</v>
      </c>
      <c r="D12" s="11">
        <v>17309396002.68</v>
      </c>
    </row>
    <row r="13" spans="1:9" x14ac:dyDescent="0.25">
      <c r="A13" s="3" t="s">
        <v>19</v>
      </c>
      <c r="B13" s="5" t="s">
        <v>697</v>
      </c>
      <c r="C13" s="11">
        <v>8634483148</v>
      </c>
      <c r="D13" s="11">
        <v>9745752448.9200001</v>
      </c>
    </row>
    <row r="14" spans="1:9" x14ac:dyDescent="0.25">
      <c r="A14" s="2" t="s">
        <v>21</v>
      </c>
      <c r="B14" s="4" t="s">
        <v>698</v>
      </c>
      <c r="C14" s="12">
        <v>6905023348</v>
      </c>
      <c r="D14" s="12">
        <v>7657286783.0699997</v>
      </c>
    </row>
    <row r="15" spans="1:9" x14ac:dyDescent="0.25">
      <c r="A15" s="2" t="s">
        <v>23</v>
      </c>
      <c r="B15" s="4" t="s">
        <v>699</v>
      </c>
      <c r="C15" s="12">
        <v>292321400</v>
      </c>
      <c r="D15" s="12">
        <v>345416337</v>
      </c>
    </row>
    <row r="16" spans="1:9" x14ac:dyDescent="0.25">
      <c r="A16" s="2" t="s">
        <v>25</v>
      </c>
      <c r="B16" s="4" t="s">
        <v>700</v>
      </c>
      <c r="C16" s="12">
        <v>146275700</v>
      </c>
      <c r="D16" s="12">
        <v>310493542.38999999</v>
      </c>
    </row>
    <row r="17" spans="1:4" x14ac:dyDescent="0.25">
      <c r="A17" s="2" t="s">
        <v>27</v>
      </c>
      <c r="B17" s="4" t="s">
        <v>701</v>
      </c>
      <c r="C17" s="12">
        <v>992521700</v>
      </c>
      <c r="D17" s="12">
        <v>1093710341.6900001</v>
      </c>
    </row>
    <row r="18" spans="1:4" x14ac:dyDescent="0.25">
      <c r="A18" s="2" t="s">
        <v>29</v>
      </c>
      <c r="B18" s="4" t="s">
        <v>702</v>
      </c>
      <c r="C18" s="12">
        <v>298341000</v>
      </c>
      <c r="D18" s="12">
        <v>338845444.76999998</v>
      </c>
    </row>
    <row r="19" spans="1:4" x14ac:dyDescent="0.25">
      <c r="A19" s="2" t="s">
        <v>31</v>
      </c>
      <c r="B19" s="4" t="s">
        <v>703</v>
      </c>
      <c r="C19" s="12">
        <v>1129345100</v>
      </c>
      <c r="D19" s="12">
        <v>984388945.75</v>
      </c>
    </row>
    <row r="20" spans="1:4" x14ac:dyDescent="0.25">
      <c r="A20" s="3" t="s">
        <v>33</v>
      </c>
      <c r="B20" s="5" t="s">
        <v>587</v>
      </c>
      <c r="C20" s="11">
        <v>275972700</v>
      </c>
      <c r="D20" s="11">
        <v>281203274.85000002</v>
      </c>
    </row>
    <row r="21" spans="1:4" x14ac:dyDescent="0.25">
      <c r="A21" s="2" t="s">
        <v>35</v>
      </c>
      <c r="B21" s="4" t="s">
        <v>704</v>
      </c>
      <c r="C21" s="12">
        <v>229493900</v>
      </c>
      <c r="D21" s="12">
        <v>174263912.72</v>
      </c>
    </row>
    <row r="22" spans="1:4" x14ac:dyDescent="0.25">
      <c r="A22" s="2" t="s">
        <v>37</v>
      </c>
      <c r="B22" s="4" t="s">
        <v>590</v>
      </c>
      <c r="C22" s="12">
        <v>46478800</v>
      </c>
      <c r="D22" s="12">
        <v>106939362.13</v>
      </c>
    </row>
    <row r="23" spans="1:4" x14ac:dyDescent="0.25">
      <c r="A23" s="3" t="s">
        <v>39</v>
      </c>
      <c r="B23" s="5" t="s">
        <v>705</v>
      </c>
      <c r="C23" s="11">
        <v>4990108664</v>
      </c>
      <c r="D23" s="11">
        <v>5307341139.1300001</v>
      </c>
    </row>
    <row r="24" spans="1:4" x14ac:dyDescent="0.25">
      <c r="A24" s="2" t="s">
        <v>41</v>
      </c>
      <c r="B24" s="4" t="s">
        <v>706</v>
      </c>
      <c r="C24" s="12">
        <v>1018995300</v>
      </c>
      <c r="D24" s="12">
        <v>1371525340.1600001</v>
      </c>
    </row>
    <row r="25" spans="1:4" x14ac:dyDescent="0.25">
      <c r="A25" s="2" t="s">
        <v>43</v>
      </c>
      <c r="B25" s="4" t="s">
        <v>707</v>
      </c>
      <c r="C25" s="12">
        <v>15230500</v>
      </c>
      <c r="D25" s="12">
        <v>0</v>
      </c>
    </row>
    <row r="26" spans="1:4" x14ac:dyDescent="0.25">
      <c r="A26" s="2" t="s">
        <v>45</v>
      </c>
      <c r="B26" s="4" t="s">
        <v>708</v>
      </c>
      <c r="C26" s="12">
        <v>66295000</v>
      </c>
      <c r="D26" s="12">
        <v>84741522.790000007</v>
      </c>
    </row>
    <row r="27" spans="1:4" x14ac:dyDescent="0.25">
      <c r="A27" s="2" t="s">
        <v>47</v>
      </c>
      <c r="B27" s="4" t="s">
        <v>709</v>
      </c>
      <c r="C27" s="12">
        <v>1387138000</v>
      </c>
      <c r="D27" s="12">
        <v>1387497402.0899999</v>
      </c>
    </row>
    <row r="28" spans="1:4" x14ac:dyDescent="0.25">
      <c r="A28" s="2" t="s">
        <v>49</v>
      </c>
      <c r="B28" s="4" t="s">
        <v>710</v>
      </c>
      <c r="C28" s="12">
        <v>2502449864</v>
      </c>
      <c r="D28" s="12">
        <v>2463576874.0900002</v>
      </c>
    </row>
    <row r="29" spans="1:4" x14ac:dyDescent="0.25">
      <c r="A29" s="3" t="s">
        <v>51</v>
      </c>
      <c r="B29" s="5" t="s">
        <v>711</v>
      </c>
      <c r="C29" s="11">
        <v>986330178</v>
      </c>
      <c r="D29" s="11">
        <v>990710194.02999997</v>
      </c>
    </row>
    <row r="30" spans="1:4" x14ac:dyDescent="0.25">
      <c r="A30" s="2" t="s">
        <v>53</v>
      </c>
      <c r="B30" s="4" t="s">
        <v>712</v>
      </c>
      <c r="C30" s="12">
        <v>1763300</v>
      </c>
      <c r="D30" s="12">
        <v>2376373.2400000002</v>
      </c>
    </row>
    <row r="31" spans="1:4" x14ac:dyDescent="0.25">
      <c r="A31" s="2" t="s">
        <v>55</v>
      </c>
      <c r="B31" s="4" t="s">
        <v>713</v>
      </c>
      <c r="C31" s="12">
        <v>984566878</v>
      </c>
      <c r="D31" s="12">
        <v>988333820.78999996</v>
      </c>
    </row>
    <row r="32" spans="1:4" x14ac:dyDescent="0.25">
      <c r="A32" s="2" t="s">
        <v>57</v>
      </c>
      <c r="B32" s="4" t="s">
        <v>714</v>
      </c>
      <c r="C32" s="12">
        <v>15784982590</v>
      </c>
      <c r="D32" s="12">
        <v>17132755716.719999</v>
      </c>
    </row>
    <row r="33" spans="1:4" x14ac:dyDescent="0.25">
      <c r="A33" s="3" t="s">
        <v>59</v>
      </c>
      <c r="B33" s="5" t="s">
        <v>715</v>
      </c>
      <c r="C33" s="11">
        <v>1496101573</v>
      </c>
      <c r="D33" s="11">
        <v>368908504.29000002</v>
      </c>
    </row>
    <row r="34" spans="1:4" x14ac:dyDescent="0.25">
      <c r="A34" s="2" t="s">
        <v>61</v>
      </c>
      <c r="B34" s="4" t="s">
        <v>716</v>
      </c>
      <c r="C34" s="12">
        <v>153849300</v>
      </c>
      <c r="D34" s="12">
        <v>89394959.689999998</v>
      </c>
    </row>
    <row r="35" spans="1:4" x14ac:dyDescent="0.25">
      <c r="A35" s="2" t="s">
        <v>63</v>
      </c>
      <c r="B35" s="4" t="s">
        <v>717</v>
      </c>
      <c r="C35" s="12">
        <v>8150600</v>
      </c>
      <c r="D35" s="12">
        <v>10844490.18</v>
      </c>
    </row>
    <row r="36" spans="1:4" x14ac:dyDescent="0.25">
      <c r="A36" s="3" t="s">
        <v>65</v>
      </c>
      <c r="B36" s="5" t="s">
        <v>718</v>
      </c>
      <c r="C36" s="11">
        <v>5395200</v>
      </c>
      <c r="D36" s="11">
        <v>8424746.8499999996</v>
      </c>
    </row>
    <row r="37" spans="1:4" x14ac:dyDescent="0.25">
      <c r="A37" s="2" t="s">
        <v>67</v>
      </c>
      <c r="B37" s="4" t="s">
        <v>719</v>
      </c>
      <c r="C37" s="12">
        <v>0</v>
      </c>
      <c r="D37" s="12">
        <v>0</v>
      </c>
    </row>
    <row r="38" spans="1:4" x14ac:dyDescent="0.25">
      <c r="A38" s="2" t="s">
        <v>69</v>
      </c>
      <c r="B38" s="4" t="s">
        <v>720</v>
      </c>
      <c r="C38" s="12">
        <v>0</v>
      </c>
      <c r="D38" s="12">
        <v>0</v>
      </c>
    </row>
    <row r="39" spans="1:4" x14ac:dyDescent="0.25">
      <c r="A39" s="2" t="s">
        <v>71</v>
      </c>
      <c r="B39" s="4" t="s">
        <v>721</v>
      </c>
      <c r="C39" s="12">
        <v>5395200</v>
      </c>
      <c r="D39" s="12">
        <v>8424746.8499999996</v>
      </c>
    </row>
    <row r="40" spans="1:4" x14ac:dyDescent="0.25">
      <c r="A40" s="3" t="s">
        <v>73</v>
      </c>
      <c r="B40" s="5" t="s">
        <v>722</v>
      </c>
      <c r="C40" s="11">
        <v>680636473</v>
      </c>
      <c r="D40" s="11">
        <v>260222726.31999999</v>
      </c>
    </row>
    <row r="41" spans="1:4" x14ac:dyDescent="0.25">
      <c r="A41" s="2" t="s">
        <v>75</v>
      </c>
      <c r="B41" s="4" t="s">
        <v>723</v>
      </c>
      <c r="C41" s="12">
        <v>646792973</v>
      </c>
      <c r="D41" s="12">
        <v>142582093.69</v>
      </c>
    </row>
    <row r="42" spans="1:4" x14ac:dyDescent="0.25">
      <c r="A42" s="2" t="s">
        <v>77</v>
      </c>
      <c r="B42" s="4" t="s">
        <v>724</v>
      </c>
      <c r="C42" s="12">
        <v>33843500</v>
      </c>
      <c r="D42" s="12">
        <v>117640632.63</v>
      </c>
    </row>
    <row r="43" spans="1:4" x14ac:dyDescent="0.25">
      <c r="A43" s="3" t="s">
        <v>79</v>
      </c>
      <c r="B43" s="5" t="s">
        <v>599</v>
      </c>
      <c r="C43" s="11">
        <v>648070000</v>
      </c>
      <c r="D43" s="11">
        <v>21581.25</v>
      </c>
    </row>
    <row r="44" spans="1:4" x14ac:dyDescent="0.25">
      <c r="A44" s="2" t="s">
        <v>81</v>
      </c>
      <c r="B44" s="4" t="s">
        <v>725</v>
      </c>
      <c r="C44" s="12">
        <v>0</v>
      </c>
      <c r="D44" s="12">
        <v>0</v>
      </c>
    </row>
    <row r="45" spans="1:4" x14ac:dyDescent="0.25">
      <c r="A45" s="2" t="s">
        <v>83</v>
      </c>
      <c r="B45" s="4" t="s">
        <v>726</v>
      </c>
      <c r="C45" s="12">
        <v>648070000</v>
      </c>
      <c r="D45" s="12">
        <v>21581.25</v>
      </c>
    </row>
    <row r="46" spans="1:4" x14ac:dyDescent="0.25">
      <c r="A46" s="2" t="s">
        <v>85</v>
      </c>
      <c r="B46" s="4" t="s">
        <v>727</v>
      </c>
      <c r="C46" s="12">
        <v>1334101673</v>
      </c>
      <c r="D46" s="12">
        <v>268669054.42000002</v>
      </c>
    </row>
    <row r="47" spans="1:4" x14ac:dyDescent="0.25">
      <c r="A47" s="3" t="s">
        <v>87</v>
      </c>
      <c r="B47" s="5" t="s">
        <v>728</v>
      </c>
      <c r="C47" s="11">
        <v>17119084263</v>
      </c>
      <c r="D47" s="11">
        <v>17401424771.139999</v>
      </c>
    </row>
    <row r="49" spans="1:9" x14ac:dyDescent="0.25">
      <c r="A49" s="10" t="s">
        <v>6</v>
      </c>
      <c r="B49" s="10" t="s">
        <v>729</v>
      </c>
      <c r="C49" s="10" t="s">
        <v>730</v>
      </c>
      <c r="D49" s="10" t="s">
        <v>695</v>
      </c>
      <c r="E49" s="10" t="s">
        <v>7</v>
      </c>
      <c r="F49" s="10" t="s">
        <v>7</v>
      </c>
      <c r="G49" s="10" t="s">
        <v>7</v>
      </c>
      <c r="H49" s="10" t="s">
        <v>733</v>
      </c>
      <c r="I49" s="10" t="s">
        <v>733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8</v>
      </c>
      <c r="E50" s="1" t="s">
        <v>172</v>
      </c>
      <c r="F50" s="1" t="s">
        <v>731</v>
      </c>
      <c r="G50" s="1" t="s">
        <v>732</v>
      </c>
      <c r="H50" s="1" t="s">
        <v>734</v>
      </c>
      <c r="I50" s="1" t="s">
        <v>735</v>
      </c>
    </row>
    <row r="51" spans="1:9" x14ac:dyDescent="0.25">
      <c r="A51" s="3" t="s">
        <v>89</v>
      </c>
      <c r="B51" s="5" t="s">
        <v>736</v>
      </c>
      <c r="C51" s="11">
        <v>15484259477.43</v>
      </c>
      <c r="D51" s="11">
        <v>13985111528.43</v>
      </c>
      <c r="E51" s="11">
        <v>13618449959.91</v>
      </c>
      <c r="F51" s="11">
        <v>13535696753.85</v>
      </c>
      <c r="G51" s="11">
        <v>239566051.09999999</v>
      </c>
      <c r="H51" s="11">
        <v>131014584.94</v>
      </c>
      <c r="I51" s="11">
        <v>131014328.94</v>
      </c>
    </row>
    <row r="52" spans="1:9" x14ac:dyDescent="0.25">
      <c r="A52" s="2" t="s">
        <v>91</v>
      </c>
      <c r="B52" s="4" t="s">
        <v>737</v>
      </c>
      <c r="C52" s="12">
        <v>9737351634.6700001</v>
      </c>
      <c r="D52" s="12">
        <v>9329010350.1700001</v>
      </c>
      <c r="E52" s="12">
        <v>9328717247.9099998</v>
      </c>
      <c r="F52" s="12">
        <v>9307191062.2800007</v>
      </c>
      <c r="G52" s="12">
        <v>177151151.96000001</v>
      </c>
      <c r="H52" s="12">
        <v>643482.21</v>
      </c>
      <c r="I52" s="12">
        <v>643482.21</v>
      </c>
    </row>
    <row r="53" spans="1:9" x14ac:dyDescent="0.25">
      <c r="A53" s="2" t="s">
        <v>93</v>
      </c>
      <c r="B53" s="4" t="s">
        <v>738</v>
      </c>
      <c r="C53" s="12">
        <v>401164837</v>
      </c>
      <c r="D53" s="12">
        <v>306558701.06</v>
      </c>
      <c r="E53" s="12">
        <v>306558701.06</v>
      </c>
      <c r="F53" s="12">
        <v>306558701.06</v>
      </c>
      <c r="G53" s="12">
        <v>30000</v>
      </c>
      <c r="H53" s="12">
        <v>0</v>
      </c>
      <c r="I53" s="12">
        <v>0</v>
      </c>
    </row>
    <row r="54" spans="1:9" x14ac:dyDescent="0.25">
      <c r="A54" s="3" t="s">
        <v>95</v>
      </c>
      <c r="B54" s="5" t="s">
        <v>739</v>
      </c>
      <c r="C54" s="11">
        <v>5345743005.7600002</v>
      </c>
      <c r="D54" s="11">
        <v>4349542477.1999998</v>
      </c>
      <c r="E54" s="11">
        <v>3983174010.9400001</v>
      </c>
      <c r="F54" s="11">
        <v>3921946990.5100002</v>
      </c>
      <c r="G54" s="11">
        <v>62384899.140000001</v>
      </c>
      <c r="H54" s="11">
        <v>130371102.73</v>
      </c>
      <c r="I54" s="11">
        <v>130370846.73</v>
      </c>
    </row>
    <row r="55" spans="1:9" x14ac:dyDescent="0.25">
      <c r="A55" s="2" t="s">
        <v>97</v>
      </c>
      <c r="B55" s="4" t="s">
        <v>740</v>
      </c>
      <c r="C55" s="12">
        <v>515458800</v>
      </c>
      <c r="D55" s="12">
        <v>507263265.20999998</v>
      </c>
      <c r="E55" s="12">
        <v>507263265.20999998</v>
      </c>
      <c r="F55" s="12">
        <v>467163596.56</v>
      </c>
      <c r="G55" s="12">
        <v>0</v>
      </c>
      <c r="H55" s="12">
        <v>0</v>
      </c>
      <c r="I55" s="12">
        <v>0</v>
      </c>
    </row>
    <row r="56" spans="1:9" x14ac:dyDescent="0.25">
      <c r="A56" s="2" t="s">
        <v>99</v>
      </c>
      <c r="B56" s="4" t="s">
        <v>664</v>
      </c>
      <c r="C56" s="12">
        <v>4830284205.7600002</v>
      </c>
      <c r="D56" s="12">
        <v>3842279211.9899998</v>
      </c>
      <c r="E56" s="12">
        <v>3475910745.73</v>
      </c>
      <c r="F56" s="12">
        <v>3454783393.9499998</v>
      </c>
      <c r="G56" s="12">
        <v>62384899.140000001</v>
      </c>
      <c r="H56" s="12">
        <v>130371102.73</v>
      </c>
      <c r="I56" s="12">
        <v>130370846.73</v>
      </c>
    </row>
    <row r="57" spans="1:9" x14ac:dyDescent="0.25">
      <c r="A57" s="2" t="s">
        <v>101</v>
      </c>
      <c r="B57" s="4" t="s">
        <v>741</v>
      </c>
      <c r="C57" s="12">
        <v>15083094640.43</v>
      </c>
      <c r="D57" s="12">
        <v>13678552827.370001</v>
      </c>
      <c r="E57" s="12">
        <v>13311891258.85</v>
      </c>
      <c r="F57" s="12">
        <v>13229138052.790001</v>
      </c>
      <c r="G57" s="12">
        <v>239536051.09999999</v>
      </c>
      <c r="H57" s="12">
        <v>131014584.94</v>
      </c>
      <c r="I57" s="12">
        <v>131014328.94</v>
      </c>
    </row>
    <row r="58" spans="1:9" x14ac:dyDescent="0.25">
      <c r="A58" s="3" t="s">
        <v>103</v>
      </c>
      <c r="B58" s="5" t="s">
        <v>742</v>
      </c>
      <c r="C58" s="11">
        <v>4219742764.21</v>
      </c>
      <c r="D58" s="11">
        <v>2467667334.6900001</v>
      </c>
      <c r="E58" s="11">
        <v>1885586139.72</v>
      </c>
      <c r="F58" s="11">
        <v>1877497661.1099999</v>
      </c>
      <c r="G58" s="11">
        <v>2583417.16</v>
      </c>
      <c r="H58" s="11">
        <v>70980667.069999993</v>
      </c>
      <c r="I58" s="11">
        <v>70980667.069999993</v>
      </c>
    </row>
    <row r="59" spans="1:9" x14ac:dyDescent="0.25">
      <c r="A59" s="2" t="s">
        <v>105</v>
      </c>
      <c r="B59" s="4" t="s">
        <v>743</v>
      </c>
      <c r="C59" s="12">
        <v>3577672215.21</v>
      </c>
      <c r="D59" s="12">
        <v>2004105990.8299999</v>
      </c>
      <c r="E59" s="12">
        <v>1434539190.77</v>
      </c>
      <c r="F59" s="12">
        <v>1427752290.6400001</v>
      </c>
      <c r="G59" s="12">
        <v>2461083.59</v>
      </c>
      <c r="H59" s="12">
        <v>70980667.069999993</v>
      </c>
      <c r="I59" s="12">
        <v>70980667.069999993</v>
      </c>
    </row>
    <row r="60" spans="1:9" x14ac:dyDescent="0.25">
      <c r="A60" s="3" t="s">
        <v>107</v>
      </c>
      <c r="B60" s="5" t="s">
        <v>744</v>
      </c>
      <c r="C60" s="11">
        <v>149103356</v>
      </c>
      <c r="D60" s="11">
        <v>104118901.13</v>
      </c>
      <c r="E60" s="11">
        <v>91604506.219999999</v>
      </c>
      <c r="F60" s="11">
        <v>90302927.739999995</v>
      </c>
      <c r="G60" s="11">
        <v>122333.57</v>
      </c>
      <c r="H60" s="11">
        <v>0</v>
      </c>
      <c r="I60" s="11">
        <v>0</v>
      </c>
    </row>
    <row r="61" spans="1:9" x14ac:dyDescent="0.25">
      <c r="A61" s="2" t="s">
        <v>109</v>
      </c>
      <c r="B61" s="4" t="s">
        <v>745</v>
      </c>
      <c r="C61" s="12">
        <v>2895000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1</v>
      </c>
      <c r="B62" s="4" t="s">
        <v>746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3</v>
      </c>
      <c r="B63" s="4" t="s">
        <v>747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5</v>
      </c>
      <c r="B64" s="4" t="s">
        <v>748</v>
      </c>
      <c r="C64" s="12">
        <v>120153356</v>
      </c>
      <c r="D64" s="12">
        <v>104118901.13</v>
      </c>
      <c r="E64" s="12">
        <v>91604506.219999999</v>
      </c>
      <c r="F64" s="12">
        <v>90302927.739999995</v>
      </c>
      <c r="G64" s="12">
        <v>122333.57</v>
      </c>
      <c r="H64" s="12">
        <v>0</v>
      </c>
      <c r="I64" s="12">
        <v>0</v>
      </c>
    </row>
    <row r="65" spans="1:9" x14ac:dyDescent="0.25">
      <c r="A65" s="2" t="s">
        <v>117</v>
      </c>
      <c r="B65" s="4" t="s">
        <v>749</v>
      </c>
      <c r="C65" s="12">
        <v>492967193</v>
      </c>
      <c r="D65" s="12">
        <v>359442442.73000002</v>
      </c>
      <c r="E65" s="12">
        <v>359442442.73000002</v>
      </c>
      <c r="F65" s="12">
        <v>359442442.73000002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19</v>
      </c>
      <c r="B66" s="4" t="s">
        <v>750</v>
      </c>
      <c r="C66" s="12">
        <v>3697825571.21</v>
      </c>
      <c r="D66" s="12">
        <v>2108224891.96</v>
      </c>
      <c r="E66" s="12">
        <v>1526143696.99</v>
      </c>
      <c r="F66" s="12">
        <v>1518055218.3800001</v>
      </c>
      <c r="G66" s="12">
        <v>2583417.16</v>
      </c>
      <c r="H66" s="12">
        <v>70980667.069999993</v>
      </c>
      <c r="I66" s="12">
        <v>70980667.069999993</v>
      </c>
    </row>
    <row r="67" spans="1:9" x14ac:dyDescent="0.25">
      <c r="A67" s="2" t="s">
        <v>120</v>
      </c>
      <c r="B67" s="4" t="s">
        <v>751</v>
      </c>
      <c r="C67" s="12">
        <v>45214127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1</v>
      </c>
      <c r="B68" s="5" t="s">
        <v>752</v>
      </c>
      <c r="C68" s="11">
        <v>18826134338.639999</v>
      </c>
      <c r="D68" s="11">
        <v>15786777719.33</v>
      </c>
      <c r="E68" s="11">
        <v>14838034955.84</v>
      </c>
      <c r="F68" s="11">
        <v>14747193271.17</v>
      </c>
      <c r="G68" s="11">
        <v>242119468.25999999</v>
      </c>
      <c r="H68" s="11">
        <v>201995252.00999999</v>
      </c>
      <c r="I68" s="11">
        <v>201994996.00999999</v>
      </c>
    </row>
    <row r="70" spans="1:9" x14ac:dyDescent="0.25">
      <c r="A70" s="10" t="s">
        <v>6</v>
      </c>
      <c r="B70" s="10" t="s">
        <v>753</v>
      </c>
      <c r="C70" s="10" t="s">
        <v>396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2</v>
      </c>
      <c r="B72" s="4" t="s">
        <v>754</v>
      </c>
      <c r="C72" s="12">
        <v>2210117035.6999998</v>
      </c>
    </row>
    <row r="74" spans="1:9" x14ac:dyDescent="0.25">
      <c r="A74" s="10" t="s">
        <v>6</v>
      </c>
      <c r="B74" s="10" t="s">
        <v>755</v>
      </c>
      <c r="C74" s="10" t="s">
        <v>756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3</v>
      </c>
      <c r="B76" s="4" t="s">
        <v>757</v>
      </c>
      <c r="C76" s="12">
        <v>958127800</v>
      </c>
    </row>
    <row r="78" spans="1:9" ht="21" x14ac:dyDescent="0.25">
      <c r="A78" s="10" t="s">
        <v>6</v>
      </c>
      <c r="B78" s="10" t="s">
        <v>758</v>
      </c>
      <c r="C78" s="1" t="s">
        <v>695</v>
      </c>
    </row>
    <row r="79" spans="1:9" ht="21" x14ac:dyDescent="0.25">
      <c r="A79" s="10" t="s">
        <v>7</v>
      </c>
      <c r="B79" s="10" t="s">
        <v>7</v>
      </c>
      <c r="C79" s="1" t="s">
        <v>759</v>
      </c>
    </row>
    <row r="80" spans="1:9" x14ac:dyDescent="0.25">
      <c r="A80" s="2" t="s">
        <v>124</v>
      </c>
      <c r="B80" s="4" t="s">
        <v>760</v>
      </c>
      <c r="C80" s="12">
        <v>278685620.19999999</v>
      </c>
    </row>
    <row r="81" spans="1:4" x14ac:dyDescent="0.25">
      <c r="A81" s="2" t="s">
        <v>125</v>
      </c>
      <c r="B81" s="4" t="s">
        <v>761</v>
      </c>
      <c r="C81" s="12">
        <v>372890889.69</v>
      </c>
    </row>
    <row r="83" spans="1:4" x14ac:dyDescent="0.25">
      <c r="A83" s="10" t="s">
        <v>6</v>
      </c>
      <c r="B83" s="10" t="s">
        <v>762</v>
      </c>
      <c r="C83" s="10" t="s">
        <v>759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6</v>
      </c>
      <c r="B85" s="4" t="s">
        <v>763</v>
      </c>
      <c r="C85" s="12">
        <v>2115911766.21</v>
      </c>
    </row>
    <row r="87" spans="1:4" x14ac:dyDescent="0.25">
      <c r="A87" s="10" t="s">
        <v>6</v>
      </c>
      <c r="B87" s="10" t="s">
        <v>764</v>
      </c>
      <c r="C87" s="10" t="s">
        <v>756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7</v>
      </c>
      <c r="B89" s="4" t="s">
        <v>757</v>
      </c>
      <c r="C89" s="12">
        <v>427339100</v>
      </c>
    </row>
    <row r="91" spans="1:4" x14ac:dyDescent="0.25">
      <c r="A91" s="10" t="s">
        <v>6</v>
      </c>
      <c r="B91" s="10" t="s">
        <v>765</v>
      </c>
      <c r="C91" s="10" t="s">
        <v>766</v>
      </c>
      <c r="D91" s="10" t="s">
        <v>766</v>
      </c>
    </row>
    <row r="92" spans="1:4" ht="21" x14ac:dyDescent="0.25">
      <c r="A92" s="10" t="s">
        <v>7</v>
      </c>
      <c r="B92" s="10" t="s">
        <v>7</v>
      </c>
      <c r="C92" s="1" t="s">
        <v>767</v>
      </c>
      <c r="D92" s="1" t="s">
        <v>409</v>
      </c>
    </row>
    <row r="93" spans="1:4" x14ac:dyDescent="0.25">
      <c r="A93" s="2" t="s">
        <v>129</v>
      </c>
      <c r="B93" s="4" t="s">
        <v>768</v>
      </c>
      <c r="C93" s="12">
        <v>9352844933.2099991</v>
      </c>
      <c r="D93" s="12">
        <v>9071829886.8600006</v>
      </c>
    </row>
    <row r="94" spans="1:4" x14ac:dyDescent="0.25">
      <c r="A94" s="3" t="s">
        <v>131</v>
      </c>
      <c r="B94" s="5" t="s">
        <v>769</v>
      </c>
      <c r="C94" s="11">
        <v>3609284331.3299999</v>
      </c>
      <c r="D94" s="11">
        <v>5688487695.2600002</v>
      </c>
    </row>
    <row r="95" spans="1:4" x14ac:dyDescent="0.25">
      <c r="A95" s="3" t="s">
        <v>133</v>
      </c>
      <c r="B95" s="5" t="s">
        <v>770</v>
      </c>
      <c r="C95" s="11">
        <v>3285610223.1199999</v>
      </c>
      <c r="D95" s="11">
        <v>5331575745.3400002</v>
      </c>
    </row>
    <row r="96" spans="1:4" x14ac:dyDescent="0.25">
      <c r="A96" s="2" t="s">
        <v>135</v>
      </c>
      <c r="B96" s="4" t="s">
        <v>771</v>
      </c>
      <c r="C96" s="12">
        <v>3595662492.1100001</v>
      </c>
      <c r="D96" s="12">
        <v>5459843836.9899998</v>
      </c>
    </row>
    <row r="97" spans="1:4" x14ac:dyDescent="0.25">
      <c r="A97" s="2" t="s">
        <v>137</v>
      </c>
      <c r="B97" s="4" t="s">
        <v>772</v>
      </c>
      <c r="C97" s="12">
        <v>310052268.99000001</v>
      </c>
      <c r="D97" s="12">
        <v>128268091.65000001</v>
      </c>
    </row>
    <row r="98" spans="1:4" x14ac:dyDescent="0.25">
      <c r="A98" s="2" t="s">
        <v>139</v>
      </c>
      <c r="B98" s="4" t="s">
        <v>773</v>
      </c>
      <c r="C98" s="12">
        <v>323674108.20999998</v>
      </c>
      <c r="D98" s="12">
        <v>356911949.92000002</v>
      </c>
    </row>
    <row r="99" spans="1:4" x14ac:dyDescent="0.25">
      <c r="A99" s="3" t="s">
        <v>141</v>
      </c>
      <c r="B99" s="5" t="s">
        <v>774</v>
      </c>
      <c r="C99" s="11">
        <v>5743560601.8800001</v>
      </c>
      <c r="D99" s="11">
        <v>3383342191.5999999</v>
      </c>
    </row>
    <row r="101" spans="1:4" x14ac:dyDescent="0.25">
      <c r="A101" s="10" t="s">
        <v>6</v>
      </c>
      <c r="B101" s="10" t="s">
        <v>775</v>
      </c>
      <c r="C101" s="10" t="s">
        <v>776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2" t="s">
        <v>143</v>
      </c>
      <c r="B103" s="4" t="s">
        <v>777</v>
      </c>
      <c r="C103" s="12">
        <v>2360218410.2800002</v>
      </c>
    </row>
    <row r="105" spans="1:4" x14ac:dyDescent="0.25">
      <c r="A105" s="10" t="s">
        <v>6</v>
      </c>
      <c r="B105" s="10" t="s">
        <v>778</v>
      </c>
      <c r="C105" s="10" t="s">
        <v>776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2" t="s">
        <v>145</v>
      </c>
      <c r="B107" s="4" t="s">
        <v>779</v>
      </c>
      <c r="C107" s="12">
        <v>181784177.34</v>
      </c>
    </row>
    <row r="108" spans="1:4" x14ac:dyDescent="0.25">
      <c r="A108" s="2" t="s">
        <v>147</v>
      </c>
      <c r="B108" s="4" t="s">
        <v>780</v>
      </c>
      <c r="C108" s="12">
        <v>0</v>
      </c>
    </row>
    <row r="109" spans="1:4" x14ac:dyDescent="0.25">
      <c r="A109" s="2" t="s">
        <v>149</v>
      </c>
      <c r="B109" s="4" t="s">
        <v>781</v>
      </c>
      <c r="C109" s="12">
        <v>0</v>
      </c>
    </row>
    <row r="110" spans="1:4" x14ac:dyDescent="0.25">
      <c r="A110" s="2" t="s">
        <v>151</v>
      </c>
      <c r="B110" s="4" t="s">
        <v>782</v>
      </c>
      <c r="C110" s="12">
        <v>-362003549.80000001</v>
      </c>
    </row>
    <row r="111" spans="1:4" x14ac:dyDescent="0.25">
      <c r="A111" s="2" t="s">
        <v>152</v>
      </c>
      <c r="B111" s="4" t="s">
        <v>783</v>
      </c>
      <c r="C111" s="12">
        <v>314222167.36000001</v>
      </c>
    </row>
    <row r="112" spans="1:4" x14ac:dyDescent="0.25">
      <c r="A112" s="2" t="s">
        <v>153</v>
      </c>
      <c r="B112" s="4" t="s">
        <v>784</v>
      </c>
      <c r="C112" s="12">
        <v>0</v>
      </c>
    </row>
    <row r="113" spans="1:8" x14ac:dyDescent="0.25">
      <c r="A113" s="2" t="s">
        <v>155</v>
      </c>
      <c r="B113" s="4" t="s">
        <v>785</v>
      </c>
      <c r="C113" s="12">
        <v>0</v>
      </c>
    </row>
    <row r="114" spans="1:8" x14ac:dyDescent="0.25">
      <c r="A114" s="2" t="s">
        <v>157</v>
      </c>
      <c r="B114" s="4" t="s">
        <v>786</v>
      </c>
      <c r="C114" s="12">
        <v>1502208515.78</v>
      </c>
    </row>
    <row r="116" spans="1:8" x14ac:dyDescent="0.25">
      <c r="A116" s="10" t="s">
        <v>6</v>
      </c>
      <c r="B116" s="10" t="s">
        <v>787</v>
      </c>
      <c r="C116" s="10" t="s">
        <v>616</v>
      </c>
    </row>
    <row r="117" spans="1:8" x14ac:dyDescent="0.25">
      <c r="A117" s="10" t="s">
        <v>7</v>
      </c>
      <c r="B117" s="10" t="s">
        <v>7</v>
      </c>
      <c r="C117" s="10" t="s">
        <v>7</v>
      </c>
    </row>
    <row r="118" spans="1:8" x14ac:dyDescent="0.25">
      <c r="A118" s="2" t="s">
        <v>159</v>
      </c>
      <c r="B118" s="4" t="s">
        <v>788</v>
      </c>
      <c r="C118" s="12">
        <v>1596413785.27</v>
      </c>
    </row>
    <row r="120" spans="1:8" x14ac:dyDescent="0.25">
      <c r="A120" s="10" t="s">
        <v>6</v>
      </c>
      <c r="B120" s="10" t="s">
        <v>789</v>
      </c>
      <c r="C120" s="10" t="s">
        <v>616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3" t="s">
        <v>161</v>
      </c>
      <c r="B122" s="5" t="s">
        <v>790</v>
      </c>
      <c r="C122" s="11">
        <v>2411830580.4299998</v>
      </c>
    </row>
    <row r="123" spans="1:8" x14ac:dyDescent="0.25">
      <c r="A123" s="2" t="s">
        <v>163</v>
      </c>
      <c r="B123" s="4" t="s">
        <v>162</v>
      </c>
      <c r="C123" s="12">
        <v>0</v>
      </c>
    </row>
    <row r="124" spans="1:8" x14ac:dyDescent="0.25">
      <c r="A124" s="2" t="s">
        <v>178</v>
      </c>
      <c r="B124" s="4" t="s">
        <v>791</v>
      </c>
      <c r="C124" s="12">
        <v>2411830580.4299998</v>
      </c>
    </row>
    <row r="125" spans="1:8" x14ac:dyDescent="0.25">
      <c r="A125" s="2" t="s">
        <v>180</v>
      </c>
      <c r="B125" s="4" t="s">
        <v>618</v>
      </c>
      <c r="C125" s="12">
        <v>0</v>
      </c>
    </row>
    <row r="127" spans="1:8" x14ac:dyDescent="0.25">
      <c r="A127" s="10" t="s">
        <v>6</v>
      </c>
      <c r="B127" s="10" t="s">
        <v>792</v>
      </c>
      <c r="C127" s="10" t="s">
        <v>168</v>
      </c>
      <c r="D127" s="10" t="s">
        <v>7</v>
      </c>
      <c r="E127" s="10" t="s">
        <v>172</v>
      </c>
      <c r="F127" s="10" t="s">
        <v>7</v>
      </c>
      <c r="G127" s="10" t="s">
        <v>795</v>
      </c>
      <c r="H127" s="10" t="s">
        <v>795</v>
      </c>
    </row>
    <row r="128" spans="1:8" ht="31.5" x14ac:dyDescent="0.25">
      <c r="A128" s="10" t="s">
        <v>7</v>
      </c>
      <c r="B128" s="10" t="s">
        <v>7</v>
      </c>
      <c r="C128" s="1" t="s">
        <v>793</v>
      </c>
      <c r="D128" s="1" t="s">
        <v>794</v>
      </c>
      <c r="E128" s="1" t="s">
        <v>793</v>
      </c>
      <c r="F128" s="1" t="s">
        <v>794</v>
      </c>
      <c r="G128" s="1" t="s">
        <v>793</v>
      </c>
      <c r="H128" s="1" t="s">
        <v>794</v>
      </c>
    </row>
    <row r="129" spans="1:8" x14ac:dyDescent="0.25">
      <c r="A129" s="3" t="s">
        <v>182</v>
      </c>
      <c r="B129" s="5" t="s">
        <v>796</v>
      </c>
      <c r="C129" s="11">
        <v>14224263865.59</v>
      </c>
      <c r="D129" s="11">
        <v>16134644547.809999</v>
      </c>
      <c r="E129" s="11">
        <v>14034040160.51</v>
      </c>
      <c r="F129" s="11">
        <v>15767982979.290001</v>
      </c>
      <c r="G129" s="11">
        <v>190223705.08000001</v>
      </c>
      <c r="H129" s="11">
        <v>366661568.51999998</v>
      </c>
    </row>
    <row r="130" spans="1:8" x14ac:dyDescent="0.25">
      <c r="A130" s="2" t="s">
        <v>184</v>
      </c>
      <c r="B130" s="4" t="s">
        <v>737</v>
      </c>
      <c r="C130" s="12">
        <v>10569633667.030001</v>
      </c>
      <c r="D130" s="12">
        <v>11395757318.82</v>
      </c>
      <c r="E130" s="12">
        <v>10568862618.92</v>
      </c>
      <c r="F130" s="12">
        <v>11395464216.559999</v>
      </c>
      <c r="G130" s="12">
        <v>771048.11</v>
      </c>
      <c r="H130" s="12">
        <v>293102.26</v>
      </c>
    </row>
    <row r="131" spans="1:8" x14ac:dyDescent="0.25">
      <c r="A131" s="2" t="s">
        <v>186</v>
      </c>
      <c r="B131" s="4" t="s">
        <v>797</v>
      </c>
      <c r="C131" s="12">
        <v>106938058.62</v>
      </c>
      <c r="D131" s="12">
        <v>306558701.06</v>
      </c>
      <c r="E131" s="12">
        <v>106938058.62</v>
      </c>
      <c r="F131" s="12">
        <v>306558701.06</v>
      </c>
      <c r="G131" s="12">
        <v>0</v>
      </c>
      <c r="H131" s="12">
        <v>0</v>
      </c>
    </row>
    <row r="132" spans="1:8" x14ac:dyDescent="0.25">
      <c r="A132" s="2" t="s">
        <v>188</v>
      </c>
      <c r="B132" s="4" t="s">
        <v>739</v>
      </c>
      <c r="C132" s="12">
        <v>3547692139.9400001</v>
      </c>
      <c r="D132" s="12">
        <v>4432328527.9300003</v>
      </c>
      <c r="E132" s="12">
        <v>3358239482.9699998</v>
      </c>
      <c r="F132" s="12">
        <v>4065960061.6700001</v>
      </c>
      <c r="G132" s="12">
        <v>189452656.97</v>
      </c>
      <c r="H132" s="12">
        <v>366368466.25999999</v>
      </c>
    </row>
    <row r="133" spans="1:8" x14ac:dyDescent="0.25">
      <c r="A133" s="2" t="s">
        <v>190</v>
      </c>
      <c r="B133" s="4" t="s">
        <v>798</v>
      </c>
      <c r="C133" s="12">
        <v>14117325806.969999</v>
      </c>
      <c r="D133" s="12">
        <v>15828085846.75</v>
      </c>
      <c r="E133" s="12">
        <v>13927102101.889999</v>
      </c>
      <c r="F133" s="12">
        <v>15461424278.23</v>
      </c>
      <c r="G133" s="12">
        <v>190223705.08000001</v>
      </c>
      <c r="H133" s="12">
        <v>366661568.51999998</v>
      </c>
    </row>
    <row r="134" spans="1:8" x14ac:dyDescent="0.25">
      <c r="A134" s="2" t="s">
        <v>192</v>
      </c>
      <c r="B134" s="4" t="s">
        <v>799</v>
      </c>
      <c r="C134" s="12">
        <v>397629751.83999997</v>
      </c>
      <c r="D134" s="12">
        <v>507263265.20999998</v>
      </c>
      <c r="E134" s="12">
        <v>397629751.83999997</v>
      </c>
      <c r="F134" s="12">
        <v>507263265.20999998</v>
      </c>
      <c r="G134" s="12">
        <v>0</v>
      </c>
      <c r="H134" s="12">
        <v>0</v>
      </c>
    </row>
    <row r="135" spans="1:8" x14ac:dyDescent="0.25">
      <c r="A135" s="2" t="s">
        <v>194</v>
      </c>
      <c r="B135" s="4" t="s">
        <v>800</v>
      </c>
      <c r="C135" s="12">
        <v>121577563.54000001</v>
      </c>
      <c r="D135" s="12">
        <v>143381787.65000001</v>
      </c>
      <c r="E135" s="12">
        <v>121565563.54000001</v>
      </c>
      <c r="F135" s="12">
        <v>142852053.94</v>
      </c>
      <c r="G135" s="12">
        <v>12000</v>
      </c>
      <c r="H135" s="12">
        <v>529733.71</v>
      </c>
    </row>
    <row r="136" spans="1:8" x14ac:dyDescent="0.25">
      <c r="A136" s="2" t="s">
        <v>196</v>
      </c>
      <c r="B136" s="4" t="s">
        <v>801</v>
      </c>
      <c r="C136" s="12">
        <v>13598118491.59</v>
      </c>
      <c r="D136" s="12">
        <v>15177440793.889999</v>
      </c>
      <c r="E136" s="12">
        <v>13407906786.51</v>
      </c>
      <c r="F136" s="12">
        <v>14811308959.08</v>
      </c>
      <c r="G136" s="12">
        <v>190211705.08000001</v>
      </c>
      <c r="H136" s="12">
        <v>366131834.81</v>
      </c>
    </row>
  </sheetData>
  <mergeCells count="48">
    <mergeCell ref="A127:A128"/>
    <mergeCell ref="B127:B128"/>
    <mergeCell ref="C127:D127"/>
    <mergeCell ref="E127:F127"/>
    <mergeCell ref="G127:H127"/>
    <mergeCell ref="A116:A117"/>
    <mergeCell ref="B116:B117"/>
    <mergeCell ref="C116:C117"/>
    <mergeCell ref="A120:A121"/>
    <mergeCell ref="B120:B121"/>
    <mergeCell ref="C120:C121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8" width="16" bestFit="1" customWidth="1"/>
    <col min="9" max="11" width="17.28515625" bestFit="1" customWidth="1"/>
    <col min="12" max="13" width="16" bestFit="1" customWidth="1"/>
    <col min="14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80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803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804</v>
      </c>
      <c r="C10" s="10" t="s">
        <v>805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810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817</v>
      </c>
    </row>
    <row r="11" spans="1:14" ht="63" x14ac:dyDescent="0.25">
      <c r="A11" s="10" t="s">
        <v>7</v>
      </c>
      <c r="B11" s="10" t="s">
        <v>7</v>
      </c>
      <c r="C11" s="1" t="s">
        <v>806</v>
      </c>
      <c r="D11" s="1" t="s">
        <v>807</v>
      </c>
      <c r="E11" s="1" t="s">
        <v>735</v>
      </c>
      <c r="F11" s="1" t="s">
        <v>808</v>
      </c>
      <c r="G11" s="1" t="s">
        <v>809</v>
      </c>
      <c r="H11" s="1" t="s">
        <v>811</v>
      </c>
      <c r="I11" s="1" t="s">
        <v>812</v>
      </c>
      <c r="J11" s="1" t="s">
        <v>813</v>
      </c>
      <c r="K11" s="1" t="s">
        <v>814</v>
      </c>
      <c r="L11" s="1" t="s">
        <v>815</v>
      </c>
      <c r="M11" s="1" t="s">
        <v>816</v>
      </c>
      <c r="N11" s="10" t="s">
        <v>7</v>
      </c>
    </row>
    <row r="12" spans="1:14" x14ac:dyDescent="0.25">
      <c r="A12" s="3" t="s">
        <v>17</v>
      </c>
      <c r="B12" s="5" t="s">
        <v>818</v>
      </c>
      <c r="C12" s="11">
        <v>76701517.370000005</v>
      </c>
      <c r="D12" s="11">
        <v>234255830.49000001</v>
      </c>
      <c r="E12" s="11">
        <v>242149468.25999999</v>
      </c>
      <c r="F12" s="11">
        <v>10818860.130000001</v>
      </c>
      <c r="G12" s="11">
        <v>57989019.469999999</v>
      </c>
      <c r="H12" s="11">
        <v>64719138.039999999</v>
      </c>
      <c r="I12" s="11">
        <v>280946258.94</v>
      </c>
      <c r="J12" s="11">
        <v>201995252.00999999</v>
      </c>
      <c r="K12" s="11">
        <v>201994996.00999999</v>
      </c>
      <c r="L12" s="11">
        <v>81080263.290000007</v>
      </c>
      <c r="M12" s="11">
        <v>62590137.68</v>
      </c>
      <c r="N12" s="11">
        <v>120579157.15000001</v>
      </c>
    </row>
    <row r="13" spans="1:14" x14ac:dyDescent="0.25">
      <c r="A13" s="2" t="s">
        <v>19</v>
      </c>
      <c r="B13" s="4" t="s">
        <v>819</v>
      </c>
      <c r="C13" s="12">
        <v>73388309.920000002</v>
      </c>
      <c r="D13" s="12">
        <v>164013051.69</v>
      </c>
      <c r="E13" s="12">
        <v>168635799.62</v>
      </c>
      <c r="F13" s="12">
        <v>10776542.68</v>
      </c>
      <c r="G13" s="12">
        <v>57989019.310000002</v>
      </c>
      <c r="H13" s="12">
        <v>63361799.229999997</v>
      </c>
      <c r="I13" s="12">
        <v>220411631.87</v>
      </c>
      <c r="J13" s="12">
        <v>165461999.66</v>
      </c>
      <c r="K13" s="12">
        <v>165461743.66</v>
      </c>
      <c r="L13" s="12">
        <v>56536767.490000002</v>
      </c>
      <c r="M13" s="12">
        <v>61774919.950000003</v>
      </c>
      <c r="N13" s="12">
        <v>119763939.26000001</v>
      </c>
    </row>
    <row r="14" spans="1:14" x14ac:dyDescent="0.25">
      <c r="A14" s="3" t="s">
        <v>21</v>
      </c>
      <c r="B14" s="5" t="s">
        <v>820</v>
      </c>
      <c r="C14" s="11">
        <v>0</v>
      </c>
      <c r="D14" s="11">
        <v>10990226.16</v>
      </c>
      <c r="E14" s="11">
        <v>10982503.65</v>
      </c>
      <c r="F14" s="11">
        <v>7722.51</v>
      </c>
      <c r="G14" s="11">
        <v>0</v>
      </c>
      <c r="H14" s="11">
        <v>226986.2</v>
      </c>
      <c r="I14" s="11">
        <v>14958224.26</v>
      </c>
      <c r="J14" s="11">
        <v>10666350.23</v>
      </c>
      <c r="K14" s="11">
        <v>10666350.23</v>
      </c>
      <c r="L14" s="11">
        <v>3703642.5</v>
      </c>
      <c r="M14" s="11">
        <v>815217.73</v>
      </c>
      <c r="N14" s="11">
        <v>815217.73</v>
      </c>
    </row>
    <row r="15" spans="1:14" x14ac:dyDescent="0.25">
      <c r="A15" s="2" t="s">
        <v>23</v>
      </c>
      <c r="B15" s="4" t="s">
        <v>821</v>
      </c>
      <c r="C15" s="12">
        <v>0</v>
      </c>
      <c r="D15" s="12">
        <v>10234146.26</v>
      </c>
      <c r="E15" s="12">
        <v>10226423.75</v>
      </c>
      <c r="F15" s="12">
        <v>7722.51</v>
      </c>
      <c r="G15" s="12">
        <v>0</v>
      </c>
      <c r="H15" s="12">
        <v>0</v>
      </c>
      <c r="I15" s="12">
        <v>9027419.1699999999</v>
      </c>
      <c r="J15" s="12">
        <v>5694573.0099999998</v>
      </c>
      <c r="K15" s="12">
        <v>5694573.0099999998</v>
      </c>
      <c r="L15" s="12">
        <v>2517628.4300000002</v>
      </c>
      <c r="M15" s="12">
        <v>815217.73</v>
      </c>
      <c r="N15" s="12">
        <v>815217.73</v>
      </c>
    </row>
    <row r="16" spans="1:14" x14ac:dyDescent="0.25">
      <c r="A16" s="2" t="s">
        <v>25</v>
      </c>
      <c r="B16" s="4" t="s">
        <v>822</v>
      </c>
      <c r="C16" s="12">
        <v>0</v>
      </c>
      <c r="D16" s="12">
        <v>756079.9</v>
      </c>
      <c r="E16" s="12">
        <v>756079.9</v>
      </c>
      <c r="F16" s="12">
        <v>0</v>
      </c>
      <c r="G16" s="12">
        <v>0</v>
      </c>
      <c r="H16" s="12">
        <v>226986.2</v>
      </c>
      <c r="I16" s="12">
        <v>5919895.9100000001</v>
      </c>
      <c r="J16" s="12">
        <v>4960868.04</v>
      </c>
      <c r="K16" s="12">
        <v>4960868.04</v>
      </c>
      <c r="L16" s="12">
        <v>1186014.07</v>
      </c>
      <c r="M16" s="12">
        <v>0</v>
      </c>
      <c r="N16" s="12">
        <v>0</v>
      </c>
    </row>
    <row r="17" spans="1:14" x14ac:dyDescent="0.25">
      <c r="A17" s="2" t="s">
        <v>27</v>
      </c>
      <c r="B17" s="4" t="s">
        <v>823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10909.18</v>
      </c>
      <c r="J17" s="12">
        <v>10909.18</v>
      </c>
      <c r="K17" s="12">
        <v>10909.18</v>
      </c>
      <c r="L17" s="12">
        <v>0</v>
      </c>
      <c r="M17" s="12">
        <v>0</v>
      </c>
      <c r="N17" s="12">
        <v>0</v>
      </c>
    </row>
    <row r="18" spans="1:14" x14ac:dyDescent="0.25">
      <c r="A18" s="3" t="s">
        <v>29</v>
      </c>
      <c r="B18" s="5" t="s">
        <v>824</v>
      </c>
      <c r="C18" s="11">
        <v>655.5</v>
      </c>
      <c r="D18" s="11">
        <v>43489446.810000002</v>
      </c>
      <c r="E18" s="11">
        <v>43455507.210000001</v>
      </c>
      <c r="F18" s="11">
        <v>34594.94</v>
      </c>
      <c r="G18" s="11">
        <v>0.16</v>
      </c>
      <c r="H18" s="11">
        <v>1130352.6100000001</v>
      </c>
      <c r="I18" s="11">
        <v>20742106.859999999</v>
      </c>
      <c r="J18" s="11">
        <v>11925670.359999999</v>
      </c>
      <c r="K18" s="11">
        <v>11925670.359999999</v>
      </c>
      <c r="L18" s="11">
        <v>9946789.1099999994</v>
      </c>
      <c r="M18" s="11">
        <v>0</v>
      </c>
      <c r="N18" s="11">
        <v>0.16</v>
      </c>
    </row>
    <row r="19" spans="1:14" x14ac:dyDescent="0.25">
      <c r="A19" s="2" t="s">
        <v>31</v>
      </c>
      <c r="B19" s="4" t="s">
        <v>825</v>
      </c>
      <c r="C19" s="12">
        <v>0</v>
      </c>
      <c r="D19" s="12">
        <v>40805111.030000001</v>
      </c>
      <c r="E19" s="12">
        <v>40770515.93</v>
      </c>
      <c r="F19" s="12">
        <v>34594.94</v>
      </c>
      <c r="G19" s="12">
        <v>0.16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.16</v>
      </c>
    </row>
    <row r="20" spans="1:14" x14ac:dyDescent="0.25">
      <c r="A20" s="2" t="s">
        <v>33</v>
      </c>
      <c r="B20" s="4" t="s">
        <v>826</v>
      </c>
      <c r="C20" s="12">
        <v>655.5</v>
      </c>
      <c r="D20" s="12">
        <v>2684335.7799999998</v>
      </c>
      <c r="E20" s="12">
        <v>2684991.28</v>
      </c>
      <c r="F20" s="12">
        <v>0</v>
      </c>
      <c r="G20" s="12">
        <v>0</v>
      </c>
      <c r="H20" s="12">
        <v>1130352.6100000001</v>
      </c>
      <c r="I20" s="12">
        <v>20742106.859999999</v>
      </c>
      <c r="J20" s="12">
        <v>11925670.359999999</v>
      </c>
      <c r="K20" s="12">
        <v>11925670.359999999</v>
      </c>
      <c r="L20" s="12">
        <v>9946789.1099999994</v>
      </c>
      <c r="M20" s="12">
        <v>0</v>
      </c>
      <c r="N20" s="12">
        <v>0</v>
      </c>
    </row>
    <row r="21" spans="1:14" x14ac:dyDescent="0.25">
      <c r="A21" s="3" t="s">
        <v>35</v>
      </c>
      <c r="B21" s="5" t="s">
        <v>827</v>
      </c>
      <c r="C21" s="11">
        <v>3312551.95</v>
      </c>
      <c r="D21" s="11">
        <v>15326121.380000001</v>
      </c>
      <c r="E21" s="11">
        <v>18638673.329999998</v>
      </c>
      <c r="F21" s="11">
        <v>0</v>
      </c>
      <c r="G21" s="11">
        <v>0</v>
      </c>
      <c r="H21" s="11">
        <v>0</v>
      </c>
      <c r="I21" s="11">
        <v>21431846.760000002</v>
      </c>
      <c r="J21" s="11">
        <v>11341136.17</v>
      </c>
      <c r="K21" s="11">
        <v>11341136.17</v>
      </c>
      <c r="L21" s="11">
        <v>10090710.59</v>
      </c>
      <c r="M21" s="11">
        <v>0</v>
      </c>
      <c r="N21" s="11">
        <v>0</v>
      </c>
    </row>
    <row r="22" spans="1:14" x14ac:dyDescent="0.25">
      <c r="A22" s="2" t="s">
        <v>37</v>
      </c>
      <c r="B22" s="4" t="s">
        <v>828</v>
      </c>
      <c r="C22" s="12">
        <v>3312551.95</v>
      </c>
      <c r="D22" s="12">
        <v>15290204.18</v>
      </c>
      <c r="E22" s="12">
        <v>18602756.129999999</v>
      </c>
      <c r="F22" s="12">
        <v>0</v>
      </c>
      <c r="G22" s="12">
        <v>0</v>
      </c>
      <c r="H22" s="12">
        <v>0</v>
      </c>
      <c r="I22" s="12">
        <v>10853288.58</v>
      </c>
      <c r="J22" s="12">
        <v>8275344.4800000004</v>
      </c>
      <c r="K22" s="12">
        <v>8275344.4800000004</v>
      </c>
      <c r="L22" s="12">
        <v>2577944.1</v>
      </c>
      <c r="M22" s="12">
        <v>0</v>
      </c>
      <c r="N22" s="12">
        <v>0</v>
      </c>
    </row>
    <row r="23" spans="1:14" x14ac:dyDescent="0.25">
      <c r="A23" s="2" t="s">
        <v>39</v>
      </c>
      <c r="B23" s="4" t="s">
        <v>829</v>
      </c>
      <c r="C23" s="12">
        <v>0</v>
      </c>
      <c r="D23" s="12">
        <v>35917.199999999997</v>
      </c>
      <c r="E23" s="12">
        <v>35917.199999999997</v>
      </c>
      <c r="F23" s="12">
        <v>0</v>
      </c>
      <c r="G23" s="12">
        <v>0</v>
      </c>
      <c r="H23" s="12">
        <v>0</v>
      </c>
      <c r="I23" s="12">
        <v>10578558.18</v>
      </c>
      <c r="J23" s="12">
        <v>3065791.69</v>
      </c>
      <c r="K23" s="12">
        <v>3065791.69</v>
      </c>
      <c r="L23" s="12">
        <v>7512766.4900000002</v>
      </c>
      <c r="M23" s="12">
        <v>0</v>
      </c>
      <c r="N23" s="12">
        <v>0</v>
      </c>
    </row>
    <row r="24" spans="1:14" x14ac:dyDescent="0.25">
      <c r="A24" s="2" t="s">
        <v>41</v>
      </c>
      <c r="B24" s="4" t="s">
        <v>830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3</v>
      </c>
      <c r="B25" s="4" t="s">
        <v>831</v>
      </c>
      <c r="C25" s="12">
        <v>0</v>
      </c>
      <c r="D25" s="12">
        <v>436984.45</v>
      </c>
      <c r="E25" s="12">
        <v>436984.45</v>
      </c>
      <c r="F25" s="12">
        <v>0</v>
      </c>
      <c r="G25" s="12">
        <v>0</v>
      </c>
      <c r="H25" s="12">
        <v>0</v>
      </c>
      <c r="I25" s="12">
        <v>3402449.19</v>
      </c>
      <c r="J25" s="12">
        <v>2600095.59</v>
      </c>
      <c r="K25" s="12">
        <v>2600095.59</v>
      </c>
      <c r="L25" s="12">
        <v>802353.6</v>
      </c>
      <c r="M25" s="12">
        <v>0</v>
      </c>
      <c r="N25" s="12">
        <v>0</v>
      </c>
    </row>
    <row r="26" spans="1:14" x14ac:dyDescent="0.25">
      <c r="A26" s="3" t="s">
        <v>45</v>
      </c>
      <c r="B26" s="5" t="s">
        <v>832</v>
      </c>
      <c r="C26" s="11">
        <v>7403441.6399999997</v>
      </c>
      <c r="D26" s="11">
        <v>80081136.290000007</v>
      </c>
      <c r="E26" s="11">
        <v>80002175.959999993</v>
      </c>
      <c r="F26" s="11">
        <v>6193240.8099999996</v>
      </c>
      <c r="G26" s="11">
        <v>1289161.1599999999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1289161.1599999999</v>
      </c>
    </row>
    <row r="27" spans="1:14" x14ac:dyDescent="0.25">
      <c r="A27" s="2" t="s">
        <v>47</v>
      </c>
      <c r="B27" s="4" t="s">
        <v>833</v>
      </c>
      <c r="C27" s="12">
        <v>7403386.8200000003</v>
      </c>
      <c r="D27" s="12">
        <v>57469118.140000001</v>
      </c>
      <c r="E27" s="12">
        <v>57467683.719999999</v>
      </c>
      <c r="F27" s="12">
        <v>6115714.9000000004</v>
      </c>
      <c r="G27" s="12">
        <v>1289106.3400000001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  <c r="N27" s="12">
        <v>1289106.3400000001</v>
      </c>
    </row>
    <row r="28" spans="1:14" x14ac:dyDescent="0.25">
      <c r="A28" s="3" t="s">
        <v>49</v>
      </c>
      <c r="B28" s="5" t="s">
        <v>834</v>
      </c>
      <c r="C28" s="11">
        <v>0</v>
      </c>
      <c r="D28" s="11">
        <v>3756738.66</v>
      </c>
      <c r="E28" s="11">
        <v>3756738.66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821</v>
      </c>
      <c r="C29" s="12">
        <v>0</v>
      </c>
      <c r="D29" s="12">
        <v>3756240.29</v>
      </c>
      <c r="E29" s="12">
        <v>3756240.29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3</v>
      </c>
      <c r="B30" s="4" t="s">
        <v>822</v>
      </c>
      <c r="C30" s="12">
        <v>0</v>
      </c>
      <c r="D30" s="12">
        <v>498.37</v>
      </c>
      <c r="E30" s="12">
        <v>498.37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5</v>
      </c>
      <c r="B31" s="4" t="s">
        <v>823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7</v>
      </c>
      <c r="B32" s="5" t="s">
        <v>835</v>
      </c>
      <c r="C32" s="11">
        <v>54.82</v>
      </c>
      <c r="D32" s="11">
        <v>16618113.210000001</v>
      </c>
      <c r="E32" s="11">
        <v>16540587.300000001</v>
      </c>
      <c r="F32" s="11">
        <v>77525.91</v>
      </c>
      <c r="G32" s="11">
        <v>54.82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54.82</v>
      </c>
    </row>
    <row r="33" spans="1:14" x14ac:dyDescent="0.25">
      <c r="A33" s="2" t="s">
        <v>59</v>
      </c>
      <c r="B33" s="4" t="s">
        <v>825</v>
      </c>
      <c r="C33" s="12">
        <v>54.82</v>
      </c>
      <c r="D33" s="12">
        <v>16618113.210000001</v>
      </c>
      <c r="E33" s="12">
        <v>16540587.300000001</v>
      </c>
      <c r="F33" s="12">
        <v>77525.91</v>
      </c>
      <c r="G33" s="12">
        <v>54.82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54.82</v>
      </c>
    </row>
    <row r="34" spans="1:14" x14ac:dyDescent="0.25">
      <c r="A34" s="2" t="s">
        <v>61</v>
      </c>
      <c r="B34" s="4" t="s">
        <v>826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3</v>
      </c>
      <c r="B35" s="5" t="s">
        <v>827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828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7</v>
      </c>
      <c r="B37" s="4" t="s">
        <v>829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9</v>
      </c>
      <c r="B38" s="4" t="s">
        <v>830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1</v>
      </c>
      <c r="B39" s="4" t="s">
        <v>831</v>
      </c>
      <c r="C39" s="12">
        <v>0</v>
      </c>
      <c r="D39" s="12">
        <v>2237166.2799999998</v>
      </c>
      <c r="E39" s="12">
        <v>2237166.2799999998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3</v>
      </c>
      <c r="B40" s="5" t="s">
        <v>836</v>
      </c>
      <c r="C40" s="11">
        <v>84104959.010000005</v>
      </c>
      <c r="D40" s="11">
        <v>314336966.77999997</v>
      </c>
      <c r="E40" s="11">
        <v>322151644.22000003</v>
      </c>
      <c r="F40" s="11">
        <v>17012100.940000001</v>
      </c>
      <c r="G40" s="11">
        <v>59278180.630000003</v>
      </c>
      <c r="H40" s="11">
        <v>64719138.039999999</v>
      </c>
      <c r="I40" s="11">
        <v>280946258.94</v>
      </c>
      <c r="J40" s="11">
        <v>201995252.00999999</v>
      </c>
      <c r="K40" s="11">
        <v>201994996.00999999</v>
      </c>
      <c r="L40" s="11">
        <v>81080263.290000007</v>
      </c>
      <c r="M40" s="11">
        <v>62590137.68</v>
      </c>
      <c r="N40" s="11">
        <v>121868318.31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71"/>
  <sheetViews>
    <sheetView showGridLines="0" workbookViewId="0"/>
  </sheetViews>
  <sheetFormatPr defaultRowHeight="15" x14ac:dyDescent="0.25"/>
  <cols>
    <col min="1" max="1" width="2.7109375" bestFit="1" customWidth="1"/>
    <col min="2" max="2" width="128" bestFit="1" customWidth="1"/>
    <col min="3" max="4" width="20.42578125" bestFit="1" customWidth="1"/>
    <col min="5" max="6" width="19.140625" bestFit="1" customWidth="1"/>
    <col min="7" max="7" width="17.2851562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837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838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839</v>
      </c>
      <c r="C10" s="10" t="s">
        <v>10</v>
      </c>
      <c r="D10" s="10" t="s">
        <v>580</v>
      </c>
    </row>
    <row r="11" spans="1:8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8" x14ac:dyDescent="0.25">
      <c r="A12" s="3" t="s">
        <v>17</v>
      </c>
      <c r="B12" s="5" t="s">
        <v>840</v>
      </c>
      <c r="C12" s="11">
        <v>12815872148</v>
      </c>
      <c r="D12" s="11">
        <v>15074562841.6</v>
      </c>
    </row>
    <row r="13" spans="1:8" x14ac:dyDescent="0.25">
      <c r="A13" s="3" t="s">
        <v>19</v>
      </c>
      <c r="B13" s="5" t="s">
        <v>841</v>
      </c>
      <c r="C13" s="11">
        <v>10909702148</v>
      </c>
      <c r="D13" s="11">
        <v>12729194727.799999</v>
      </c>
    </row>
    <row r="14" spans="1:8" x14ac:dyDescent="0.25">
      <c r="A14" s="2" t="s">
        <v>21</v>
      </c>
      <c r="B14" s="4" t="s">
        <v>842</v>
      </c>
      <c r="C14" s="12">
        <v>10824902648</v>
      </c>
      <c r="D14" s="12">
        <v>12630344995.26</v>
      </c>
    </row>
    <row r="15" spans="1:8" x14ac:dyDescent="0.25">
      <c r="A15" s="2" t="s">
        <v>23</v>
      </c>
      <c r="B15" s="4" t="s">
        <v>843</v>
      </c>
      <c r="C15" s="12">
        <v>84799500</v>
      </c>
      <c r="D15" s="12">
        <v>98849732.540000007</v>
      </c>
    </row>
    <row r="16" spans="1:8" x14ac:dyDescent="0.25">
      <c r="A16" s="2" t="s">
        <v>25</v>
      </c>
      <c r="B16" s="4" t="s">
        <v>844</v>
      </c>
      <c r="C16" s="12">
        <v>182844600</v>
      </c>
      <c r="D16" s="12">
        <v>388116927.87</v>
      </c>
    </row>
    <row r="17" spans="1:4" x14ac:dyDescent="0.25">
      <c r="A17" s="2" t="s">
        <v>27</v>
      </c>
      <c r="B17" s="4" t="s">
        <v>845</v>
      </c>
      <c r="C17" s="12">
        <v>730803700</v>
      </c>
      <c r="D17" s="12">
        <v>863540844.24000001</v>
      </c>
    </row>
    <row r="18" spans="1:4" x14ac:dyDescent="0.25">
      <c r="A18" s="2" t="s">
        <v>29</v>
      </c>
      <c r="B18" s="4" t="s">
        <v>846</v>
      </c>
      <c r="C18" s="12">
        <v>992521700</v>
      </c>
      <c r="D18" s="12">
        <v>1093710341.6900001</v>
      </c>
    </row>
    <row r="19" spans="1:4" x14ac:dyDescent="0.25">
      <c r="A19" s="3" t="s">
        <v>31</v>
      </c>
      <c r="B19" s="5" t="s">
        <v>847</v>
      </c>
      <c r="C19" s="11">
        <v>1384235900</v>
      </c>
      <c r="D19" s="11">
        <v>1855642545.8399999</v>
      </c>
    </row>
    <row r="20" spans="1:4" x14ac:dyDescent="0.25">
      <c r="A20" s="2" t="s">
        <v>33</v>
      </c>
      <c r="B20" s="4" t="s">
        <v>848</v>
      </c>
      <c r="C20" s="12">
        <v>1273744200</v>
      </c>
      <c r="D20" s="12">
        <v>1714406674.8299999</v>
      </c>
    </row>
    <row r="21" spans="1:4" x14ac:dyDescent="0.25">
      <c r="A21" s="2" t="s">
        <v>35</v>
      </c>
      <c r="B21" s="4" t="s">
        <v>849</v>
      </c>
      <c r="C21" s="12">
        <v>110491700</v>
      </c>
      <c r="D21" s="12">
        <v>141235871.00999999</v>
      </c>
    </row>
    <row r="22" spans="1:4" x14ac:dyDescent="0.25">
      <c r="A22" s="2" t="s">
        <v>37</v>
      </c>
      <c r="B22" s="4" t="s">
        <v>850</v>
      </c>
      <c r="C22" s="12">
        <v>0</v>
      </c>
      <c r="D22" s="12">
        <v>0</v>
      </c>
    </row>
    <row r="23" spans="1:4" x14ac:dyDescent="0.25">
      <c r="A23" s="2" t="s">
        <v>39</v>
      </c>
      <c r="B23" s="4" t="s">
        <v>851</v>
      </c>
      <c r="C23" s="12">
        <v>0</v>
      </c>
      <c r="D23" s="12">
        <v>0</v>
      </c>
    </row>
    <row r="24" spans="1:4" x14ac:dyDescent="0.25">
      <c r="A24" s="3" t="s">
        <v>41</v>
      </c>
      <c r="B24" s="5" t="s">
        <v>852</v>
      </c>
      <c r="C24" s="11">
        <v>2885349100</v>
      </c>
      <c r="D24" s="11">
        <v>3624665639.3499999</v>
      </c>
    </row>
    <row r="25" spans="1:4" x14ac:dyDescent="0.25">
      <c r="A25" s="2" t="s">
        <v>43</v>
      </c>
      <c r="B25" s="4" t="s">
        <v>853</v>
      </c>
      <c r="C25" s="12">
        <v>2492324300</v>
      </c>
      <c r="D25" s="12">
        <v>3157586248.9499998</v>
      </c>
    </row>
    <row r="26" spans="1:4" x14ac:dyDescent="0.25">
      <c r="A26" s="2" t="s">
        <v>45</v>
      </c>
      <c r="B26" s="4" t="s">
        <v>854</v>
      </c>
      <c r="C26" s="12">
        <v>365401900</v>
      </c>
      <c r="D26" s="12">
        <v>431770422.67000002</v>
      </c>
    </row>
    <row r="27" spans="1:4" x14ac:dyDescent="0.25">
      <c r="A27" s="2" t="s">
        <v>47</v>
      </c>
      <c r="B27" s="4" t="s">
        <v>855</v>
      </c>
      <c r="C27" s="12">
        <v>27622900</v>
      </c>
      <c r="D27" s="12">
        <v>35308967.729999997</v>
      </c>
    </row>
    <row r="28" spans="1:4" x14ac:dyDescent="0.25">
      <c r="A28" s="3" t="s">
        <v>49</v>
      </c>
      <c r="B28" s="5" t="s">
        <v>856</v>
      </c>
      <c r="C28" s="11">
        <v>11314758948</v>
      </c>
      <c r="D28" s="11">
        <v>13305539748.09</v>
      </c>
    </row>
    <row r="30" spans="1:4" x14ac:dyDescent="0.25">
      <c r="A30" s="10" t="s">
        <v>6</v>
      </c>
      <c r="B30" s="10" t="s">
        <v>857</v>
      </c>
      <c r="C30" s="10" t="s">
        <v>10</v>
      </c>
      <c r="D30" s="10" t="s">
        <v>580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51</v>
      </c>
      <c r="B32" s="4" t="s">
        <v>857</v>
      </c>
      <c r="C32" s="12">
        <v>2064447449.5999999</v>
      </c>
      <c r="D32" s="12">
        <v>2442365881.2800002</v>
      </c>
    </row>
    <row r="34" spans="1:4" x14ac:dyDescent="0.25">
      <c r="A34" s="10" t="s">
        <v>6</v>
      </c>
      <c r="B34" s="10" t="s">
        <v>858</v>
      </c>
      <c r="C34" s="10" t="s">
        <v>10</v>
      </c>
      <c r="D34" s="10" t="s">
        <v>580</v>
      </c>
    </row>
    <row r="35" spans="1:4" x14ac:dyDescent="0.25">
      <c r="A35" s="10" t="s">
        <v>7</v>
      </c>
      <c r="B35" s="10" t="s">
        <v>7</v>
      </c>
      <c r="C35" s="10" t="s">
        <v>7</v>
      </c>
      <c r="D35" s="10" t="s">
        <v>7</v>
      </c>
    </row>
    <row r="36" spans="1:4" x14ac:dyDescent="0.25">
      <c r="A36" s="2" t="s">
        <v>53</v>
      </c>
      <c r="B36" s="4" t="s">
        <v>858</v>
      </c>
      <c r="C36" s="12">
        <v>764242287.39999998</v>
      </c>
      <c r="D36" s="12">
        <v>884019055.74000001</v>
      </c>
    </row>
    <row r="38" spans="1:4" x14ac:dyDescent="0.25">
      <c r="A38" s="10" t="s">
        <v>6</v>
      </c>
      <c r="B38" s="10" t="s">
        <v>859</v>
      </c>
      <c r="C38" s="10" t="s">
        <v>10</v>
      </c>
      <c r="D38" s="10" t="s">
        <v>580</v>
      </c>
    </row>
    <row r="39" spans="1:4" x14ac:dyDescent="0.25">
      <c r="A39" s="10" t="s">
        <v>7</v>
      </c>
      <c r="B39" s="10" t="s">
        <v>7</v>
      </c>
      <c r="C39" s="10" t="s">
        <v>7</v>
      </c>
      <c r="D39" s="10" t="s">
        <v>7</v>
      </c>
    </row>
    <row r="40" spans="1:4" x14ac:dyDescent="0.25">
      <c r="A40" s="3" t="s">
        <v>55</v>
      </c>
      <c r="B40" s="5" t="s">
        <v>860</v>
      </c>
      <c r="C40" s="11">
        <v>1387138000</v>
      </c>
      <c r="D40" s="11">
        <v>1393424725.6800001</v>
      </c>
    </row>
    <row r="41" spans="1:4" x14ac:dyDescent="0.25">
      <c r="A41" s="3" t="s">
        <v>57</v>
      </c>
      <c r="B41" s="5" t="s">
        <v>861</v>
      </c>
      <c r="C41" s="11">
        <v>1387138000</v>
      </c>
      <c r="D41" s="11">
        <v>1393424725.6800001</v>
      </c>
    </row>
    <row r="42" spans="1:4" x14ac:dyDescent="0.25">
      <c r="A42" s="2" t="s">
        <v>59</v>
      </c>
      <c r="B42" s="4" t="s">
        <v>862</v>
      </c>
      <c r="C42" s="12">
        <v>1387138000</v>
      </c>
      <c r="D42" s="12">
        <v>1387497402.0899999</v>
      </c>
    </row>
    <row r="43" spans="1:4" x14ac:dyDescent="0.25">
      <c r="A43" s="2" t="s">
        <v>61</v>
      </c>
      <c r="B43" s="4" t="s">
        <v>863</v>
      </c>
      <c r="C43" s="12">
        <v>0</v>
      </c>
      <c r="D43" s="12">
        <v>5927323.5899999999</v>
      </c>
    </row>
    <row r="44" spans="1:4" x14ac:dyDescent="0.25">
      <c r="A44" s="3" t="s">
        <v>63</v>
      </c>
      <c r="B44" s="5" t="s">
        <v>864</v>
      </c>
      <c r="C44" s="11">
        <v>0</v>
      </c>
      <c r="D44" s="11">
        <v>0</v>
      </c>
    </row>
    <row r="45" spans="1:4" x14ac:dyDescent="0.25">
      <c r="A45" s="2" t="s">
        <v>65</v>
      </c>
      <c r="B45" s="4" t="s">
        <v>865</v>
      </c>
      <c r="C45" s="12">
        <v>0</v>
      </c>
      <c r="D45" s="12">
        <v>0</v>
      </c>
    </row>
    <row r="46" spans="1:4" x14ac:dyDescent="0.25">
      <c r="A46" s="2" t="s">
        <v>67</v>
      </c>
      <c r="B46" s="4" t="s">
        <v>866</v>
      </c>
      <c r="C46" s="12">
        <v>0</v>
      </c>
      <c r="D46" s="12">
        <v>0</v>
      </c>
    </row>
    <row r="47" spans="1:4" x14ac:dyDescent="0.25">
      <c r="A47" s="3" t="s">
        <v>69</v>
      </c>
      <c r="B47" s="5" t="s">
        <v>867</v>
      </c>
      <c r="C47" s="11">
        <v>0</v>
      </c>
      <c r="D47" s="11">
        <v>0</v>
      </c>
    </row>
    <row r="48" spans="1:4" x14ac:dyDescent="0.25">
      <c r="A48" s="2" t="s">
        <v>71</v>
      </c>
      <c r="B48" s="4" t="s">
        <v>868</v>
      </c>
      <c r="C48" s="12">
        <v>0</v>
      </c>
      <c r="D48" s="12">
        <v>0</v>
      </c>
    </row>
    <row r="49" spans="1:7" x14ac:dyDescent="0.25">
      <c r="A49" s="2" t="s">
        <v>73</v>
      </c>
      <c r="B49" s="4" t="s">
        <v>869</v>
      </c>
      <c r="C49" s="12">
        <v>0</v>
      </c>
      <c r="D49" s="12">
        <v>0</v>
      </c>
    </row>
    <row r="50" spans="1:7" x14ac:dyDescent="0.25">
      <c r="A50" s="2" t="s">
        <v>75</v>
      </c>
      <c r="B50" s="4" t="s">
        <v>870</v>
      </c>
      <c r="C50" s="12">
        <v>-677309449.60000002</v>
      </c>
      <c r="D50" s="12">
        <v>-1054868479.1900001</v>
      </c>
    </row>
    <row r="52" spans="1:7" x14ac:dyDescent="0.25">
      <c r="A52" s="10" t="s">
        <v>6</v>
      </c>
      <c r="B52" s="10" t="s">
        <v>871</v>
      </c>
      <c r="C52" s="10" t="s">
        <v>396</v>
      </c>
    </row>
    <row r="53" spans="1:7" x14ac:dyDescent="0.25">
      <c r="A53" s="10" t="s">
        <v>7</v>
      </c>
      <c r="B53" s="10" t="s">
        <v>7</v>
      </c>
      <c r="C53" s="10" t="s">
        <v>7</v>
      </c>
    </row>
    <row r="54" spans="1:7" x14ac:dyDescent="0.25">
      <c r="A54" s="3" t="s">
        <v>77</v>
      </c>
      <c r="B54" s="5" t="s">
        <v>872</v>
      </c>
      <c r="C54" s="11">
        <v>17653177.280000001</v>
      </c>
    </row>
    <row r="55" spans="1:7" x14ac:dyDescent="0.25">
      <c r="A55" s="2" t="s">
        <v>79</v>
      </c>
      <c r="B55" s="4" t="s">
        <v>873</v>
      </c>
      <c r="C55" s="12">
        <v>17653177.280000001</v>
      </c>
    </row>
    <row r="56" spans="1:7" x14ac:dyDescent="0.25">
      <c r="A56" s="2" t="s">
        <v>81</v>
      </c>
      <c r="B56" s="4" t="s">
        <v>874</v>
      </c>
      <c r="C56" s="12">
        <v>0</v>
      </c>
    </row>
    <row r="58" spans="1:7" x14ac:dyDescent="0.25">
      <c r="A58" s="10" t="s">
        <v>6</v>
      </c>
      <c r="B58" s="10" t="s">
        <v>875</v>
      </c>
      <c r="C58" s="10" t="s">
        <v>396</v>
      </c>
    </row>
    <row r="59" spans="1:7" x14ac:dyDescent="0.25">
      <c r="A59" s="10" t="s">
        <v>7</v>
      </c>
      <c r="B59" s="10" t="s">
        <v>7</v>
      </c>
      <c r="C59" s="10" t="s">
        <v>7</v>
      </c>
    </row>
    <row r="60" spans="1:7" x14ac:dyDescent="0.25">
      <c r="A60" s="2" t="s">
        <v>83</v>
      </c>
      <c r="B60" s="4" t="s">
        <v>875</v>
      </c>
      <c r="C60" s="12">
        <v>1411077902.96</v>
      </c>
    </row>
    <row r="62" spans="1:7" x14ac:dyDescent="0.25">
      <c r="A62" s="10" t="s">
        <v>6</v>
      </c>
      <c r="B62" s="10" t="s">
        <v>876</v>
      </c>
      <c r="C62" s="10" t="s">
        <v>602</v>
      </c>
      <c r="D62" s="10" t="s">
        <v>603</v>
      </c>
      <c r="E62" s="10" t="s">
        <v>604</v>
      </c>
      <c r="F62" s="10" t="s">
        <v>605</v>
      </c>
      <c r="G62" s="10" t="s">
        <v>877</v>
      </c>
    </row>
    <row r="63" spans="1:7" x14ac:dyDescent="0.25">
      <c r="A63" s="10" t="s">
        <v>7</v>
      </c>
      <c r="B63" s="10" t="s">
        <v>7</v>
      </c>
      <c r="C63" s="10" t="s">
        <v>7</v>
      </c>
      <c r="D63" s="10" t="s">
        <v>7</v>
      </c>
      <c r="E63" s="10" t="s">
        <v>7</v>
      </c>
      <c r="F63" s="10" t="s">
        <v>7</v>
      </c>
      <c r="G63" s="10" t="s">
        <v>7</v>
      </c>
    </row>
    <row r="64" spans="1:7" x14ac:dyDescent="0.25">
      <c r="A64" s="3" t="s">
        <v>85</v>
      </c>
      <c r="B64" s="5" t="s">
        <v>878</v>
      </c>
      <c r="C64" s="11">
        <v>1315386000</v>
      </c>
      <c r="D64" s="11">
        <v>1314205594.8399999</v>
      </c>
      <c r="E64" s="11">
        <v>1314205594.8399999</v>
      </c>
      <c r="F64" s="11">
        <v>1314205594.8399999</v>
      </c>
      <c r="G64" s="11">
        <v>0</v>
      </c>
    </row>
    <row r="65" spans="1:7" x14ac:dyDescent="0.25">
      <c r="A65" s="2" t="s">
        <v>87</v>
      </c>
      <c r="B65" s="4" t="s">
        <v>879</v>
      </c>
      <c r="C65" s="12">
        <v>526154400</v>
      </c>
      <c r="D65" s="12">
        <v>525682237.94</v>
      </c>
      <c r="E65" s="12">
        <v>525682237.94</v>
      </c>
      <c r="F65" s="12">
        <v>525682237.94</v>
      </c>
      <c r="G65" s="12">
        <v>0</v>
      </c>
    </row>
    <row r="66" spans="1:7" x14ac:dyDescent="0.25">
      <c r="A66" s="2" t="s">
        <v>89</v>
      </c>
      <c r="B66" s="4" t="s">
        <v>880</v>
      </c>
      <c r="C66" s="12">
        <v>789231600</v>
      </c>
      <c r="D66" s="12">
        <v>788523356.89999998</v>
      </c>
      <c r="E66" s="12">
        <v>788523356.89999998</v>
      </c>
      <c r="F66" s="12">
        <v>788523356.89999998</v>
      </c>
      <c r="G66" s="12">
        <v>0</v>
      </c>
    </row>
    <row r="67" spans="1:7" x14ac:dyDescent="0.25">
      <c r="A67" s="3" t="s">
        <v>91</v>
      </c>
      <c r="B67" s="5" t="s">
        <v>881</v>
      </c>
      <c r="C67" s="11">
        <v>71752000</v>
      </c>
      <c r="D67" s="11">
        <v>65317670.560000002</v>
      </c>
      <c r="E67" s="11">
        <v>22242430.109999999</v>
      </c>
      <c r="F67" s="11">
        <v>22242430.109999999</v>
      </c>
      <c r="G67" s="11">
        <v>43075240.450000003</v>
      </c>
    </row>
    <row r="68" spans="1:7" x14ac:dyDescent="0.25">
      <c r="A68" s="2" t="s">
        <v>93</v>
      </c>
      <c r="B68" s="4" t="s">
        <v>882</v>
      </c>
      <c r="C68" s="12">
        <v>28700800</v>
      </c>
      <c r="D68" s="12">
        <v>26127068.219999999</v>
      </c>
      <c r="E68" s="12">
        <v>8896972.0399999991</v>
      </c>
      <c r="F68" s="12">
        <v>8896972.0399999991</v>
      </c>
      <c r="G68" s="12">
        <v>17230096.18</v>
      </c>
    </row>
    <row r="69" spans="1:7" x14ac:dyDescent="0.25">
      <c r="A69" s="2" t="s">
        <v>95</v>
      </c>
      <c r="B69" s="4" t="s">
        <v>883</v>
      </c>
      <c r="C69" s="12">
        <v>43051200</v>
      </c>
      <c r="D69" s="12">
        <v>39190602.340000004</v>
      </c>
      <c r="E69" s="12">
        <v>13345458.07</v>
      </c>
      <c r="F69" s="12">
        <v>13345458.07</v>
      </c>
      <c r="G69" s="12">
        <v>25845144.27</v>
      </c>
    </row>
    <row r="70" spans="1:7" x14ac:dyDescent="0.25">
      <c r="A70" s="3" t="s">
        <v>97</v>
      </c>
      <c r="B70" s="5" t="s">
        <v>884</v>
      </c>
      <c r="C70" s="11">
        <v>1387138000</v>
      </c>
      <c r="D70" s="11">
        <v>1379523265.4000001</v>
      </c>
      <c r="E70" s="11">
        <v>1336448024.95</v>
      </c>
      <c r="F70" s="11">
        <v>1336448024.95</v>
      </c>
      <c r="G70" s="11">
        <v>43075240.450000003</v>
      </c>
    </row>
    <row r="72" spans="1:7" x14ac:dyDescent="0.25">
      <c r="A72" s="10" t="s">
        <v>6</v>
      </c>
      <c r="B72" s="10" t="s">
        <v>885</v>
      </c>
      <c r="C72" s="10" t="s">
        <v>603</v>
      </c>
      <c r="D72" s="10" t="s">
        <v>604</v>
      </c>
      <c r="E72" s="10" t="s">
        <v>605</v>
      </c>
      <c r="F72" s="10" t="s">
        <v>877</v>
      </c>
      <c r="G72" s="10" t="s">
        <v>886</v>
      </c>
    </row>
    <row r="73" spans="1:7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0" t="s">
        <v>7</v>
      </c>
      <c r="F73" s="10" t="s">
        <v>7</v>
      </c>
      <c r="G73" s="10" t="s">
        <v>7</v>
      </c>
    </row>
    <row r="74" spans="1:7" x14ac:dyDescent="0.25">
      <c r="A74" s="2" t="s">
        <v>99</v>
      </c>
      <c r="B74" s="4" t="s">
        <v>887</v>
      </c>
      <c r="C74" s="12">
        <v>1314205594.8399999</v>
      </c>
      <c r="D74" s="12">
        <v>1314205594.8399999</v>
      </c>
      <c r="E74" s="12">
        <v>1314205594.8399999</v>
      </c>
      <c r="F74" s="12">
        <v>0</v>
      </c>
      <c r="G74" s="12">
        <v>0</v>
      </c>
    </row>
    <row r="75" spans="1:7" x14ac:dyDescent="0.25">
      <c r="A75" s="2" t="s">
        <v>101</v>
      </c>
      <c r="B75" s="4" t="s">
        <v>888</v>
      </c>
      <c r="C75" s="12">
        <v>1379523265.4000001</v>
      </c>
      <c r="D75" s="12">
        <v>1336448024.95</v>
      </c>
      <c r="E75" s="12">
        <v>1336448024.95</v>
      </c>
      <c r="F75" s="12">
        <v>43075240.450000003</v>
      </c>
      <c r="G75" s="12">
        <v>0</v>
      </c>
    </row>
    <row r="76" spans="1:7" x14ac:dyDescent="0.25">
      <c r="A76" s="2" t="s">
        <v>103</v>
      </c>
      <c r="B76" s="4" t="s">
        <v>889</v>
      </c>
      <c r="C76" s="12">
        <v>0</v>
      </c>
      <c r="D76" s="12">
        <v>0</v>
      </c>
      <c r="E76" s="12">
        <v>0</v>
      </c>
      <c r="F76" s="12">
        <v>0</v>
      </c>
      <c r="G76" s="12">
        <v>0</v>
      </c>
    </row>
    <row r="77" spans="1:7" x14ac:dyDescent="0.25">
      <c r="A77" s="2" t="s">
        <v>105</v>
      </c>
      <c r="B77" s="4" t="s">
        <v>890</v>
      </c>
      <c r="C77" s="12">
        <v>0</v>
      </c>
      <c r="D77" s="12">
        <v>0</v>
      </c>
      <c r="E77" s="12">
        <v>0</v>
      </c>
      <c r="F77" s="12">
        <v>0</v>
      </c>
      <c r="G77" s="12">
        <v>0</v>
      </c>
    </row>
    <row r="78" spans="1:7" x14ac:dyDescent="0.25">
      <c r="A78" s="2" t="s">
        <v>107</v>
      </c>
      <c r="B78" s="4" t="s">
        <v>891</v>
      </c>
      <c r="C78" s="12">
        <v>0</v>
      </c>
      <c r="D78" s="12">
        <v>0</v>
      </c>
      <c r="E78" s="12">
        <v>0</v>
      </c>
      <c r="F78" s="12">
        <v>0</v>
      </c>
      <c r="G78" s="12">
        <v>0</v>
      </c>
    </row>
    <row r="80" spans="1:7" x14ac:dyDescent="0.25">
      <c r="A80" s="10" t="s">
        <v>6</v>
      </c>
      <c r="B80" s="10" t="s">
        <v>892</v>
      </c>
      <c r="C80" s="10" t="s">
        <v>893</v>
      </c>
      <c r="D80" s="10" t="s">
        <v>894</v>
      </c>
      <c r="E80" s="10" t="s">
        <v>895</v>
      </c>
      <c r="F80" s="10" t="s">
        <v>896</v>
      </c>
    </row>
    <row r="81" spans="1:8" x14ac:dyDescent="0.25">
      <c r="A81" s="10" t="s">
        <v>7</v>
      </c>
      <c r="B81" s="10" t="s">
        <v>7</v>
      </c>
      <c r="C81" s="10" t="s">
        <v>7</v>
      </c>
      <c r="D81" s="10" t="s">
        <v>7</v>
      </c>
      <c r="E81" s="10" t="s">
        <v>7</v>
      </c>
      <c r="F81" s="10" t="s">
        <v>7</v>
      </c>
    </row>
    <row r="82" spans="1:8" x14ac:dyDescent="0.25">
      <c r="A82" s="2" t="s">
        <v>109</v>
      </c>
      <c r="B82" s="4" t="s">
        <v>897</v>
      </c>
      <c r="C82" s="12">
        <v>975397307.98000002</v>
      </c>
      <c r="D82" s="12">
        <v>1314205594.8399999</v>
      </c>
      <c r="E82" s="12">
        <v>1314205594.8399999</v>
      </c>
      <c r="F82" s="12">
        <v>94.31</v>
      </c>
    </row>
    <row r="83" spans="1:8" x14ac:dyDescent="0.25">
      <c r="A83" s="2" t="s">
        <v>111</v>
      </c>
      <c r="B83" s="4" t="s">
        <v>898</v>
      </c>
      <c r="C83" s="12">
        <v>0</v>
      </c>
      <c r="D83" s="12">
        <v>0</v>
      </c>
      <c r="E83" s="12">
        <v>0</v>
      </c>
      <c r="F83" s="12">
        <v>0</v>
      </c>
    </row>
    <row r="85" spans="1:8" x14ac:dyDescent="0.25">
      <c r="A85" s="10" t="s">
        <v>6</v>
      </c>
      <c r="B85" s="10" t="s">
        <v>899</v>
      </c>
      <c r="C85" s="10" t="s">
        <v>900</v>
      </c>
      <c r="D85" s="10" t="s">
        <v>901</v>
      </c>
      <c r="E85" s="10" t="s">
        <v>902</v>
      </c>
      <c r="F85" s="10" t="s">
        <v>903</v>
      </c>
    </row>
    <row r="86" spans="1:8" x14ac:dyDescent="0.25">
      <c r="A86" s="10" t="s">
        <v>7</v>
      </c>
      <c r="B86" s="10" t="s">
        <v>7</v>
      </c>
      <c r="C86" s="10" t="s">
        <v>7</v>
      </c>
      <c r="D86" s="10" t="s">
        <v>7</v>
      </c>
      <c r="E86" s="10" t="s">
        <v>7</v>
      </c>
      <c r="F86" s="10" t="s">
        <v>7</v>
      </c>
    </row>
    <row r="87" spans="1:8" x14ac:dyDescent="0.25">
      <c r="A87" s="2" t="s">
        <v>113</v>
      </c>
      <c r="B87" s="4" t="s">
        <v>904</v>
      </c>
      <c r="C87" s="12">
        <v>139342472.56999999</v>
      </c>
      <c r="D87" s="12">
        <v>13901460.279999999</v>
      </c>
      <c r="E87" s="12">
        <v>13901460.279999999</v>
      </c>
      <c r="F87" s="12">
        <v>1</v>
      </c>
    </row>
    <row r="89" spans="1:8" x14ac:dyDescent="0.25">
      <c r="A89" s="10" t="s">
        <v>6</v>
      </c>
      <c r="B89" s="10" t="s">
        <v>905</v>
      </c>
      <c r="C89" s="10" t="s">
        <v>906</v>
      </c>
      <c r="D89" s="10" t="s">
        <v>907</v>
      </c>
      <c r="E89" s="10" t="s">
        <v>908</v>
      </c>
      <c r="F89" s="10" t="s">
        <v>909</v>
      </c>
      <c r="G89" s="10" t="s">
        <v>910</v>
      </c>
      <c r="H89" s="10" t="s">
        <v>911</v>
      </c>
    </row>
    <row r="90" spans="1:8" x14ac:dyDescent="0.25">
      <c r="A90" s="10" t="s">
        <v>7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0" t="s">
        <v>7</v>
      </c>
      <c r="H90" s="10" t="s">
        <v>7</v>
      </c>
    </row>
    <row r="91" spans="1:8" x14ac:dyDescent="0.25">
      <c r="A91" s="3" t="s">
        <v>115</v>
      </c>
      <c r="B91" s="5" t="s">
        <v>912</v>
      </c>
      <c r="C91" s="11">
        <v>56832221.840000004</v>
      </c>
      <c r="D91" s="11">
        <v>17653177.280000001</v>
      </c>
      <c r="E91" s="11">
        <v>17653177.280000001</v>
      </c>
      <c r="F91" s="11">
        <v>0</v>
      </c>
      <c r="G91" s="11">
        <v>0</v>
      </c>
      <c r="H91" s="11">
        <v>0</v>
      </c>
    </row>
    <row r="92" spans="1:8" x14ac:dyDescent="0.25">
      <c r="A92" s="2" t="s">
        <v>117</v>
      </c>
      <c r="B92" s="4" t="s">
        <v>913</v>
      </c>
      <c r="C92" s="12">
        <v>56832221.840000004</v>
      </c>
      <c r="D92" s="12">
        <v>17653177.280000001</v>
      </c>
      <c r="E92" s="12">
        <v>17653177.280000001</v>
      </c>
      <c r="F92" s="12">
        <v>0</v>
      </c>
      <c r="G92" s="12">
        <v>0</v>
      </c>
      <c r="H92" s="12">
        <v>0</v>
      </c>
    </row>
    <row r="93" spans="1:8" x14ac:dyDescent="0.25">
      <c r="A93" s="2" t="s">
        <v>119</v>
      </c>
      <c r="B93" s="4" t="s">
        <v>914</v>
      </c>
      <c r="C93" s="12">
        <v>0</v>
      </c>
      <c r="D93" s="12">
        <v>0</v>
      </c>
      <c r="E93" s="12">
        <v>0</v>
      </c>
      <c r="F93" s="12">
        <v>0</v>
      </c>
      <c r="G93" s="12">
        <v>0</v>
      </c>
      <c r="H93" s="12">
        <v>0</v>
      </c>
    </row>
    <row r="95" spans="1:8" x14ac:dyDescent="0.25">
      <c r="A95" s="10" t="s">
        <v>6</v>
      </c>
      <c r="B95" s="10" t="s">
        <v>915</v>
      </c>
      <c r="C95" s="10" t="s">
        <v>602</v>
      </c>
      <c r="D95" s="10" t="s">
        <v>603</v>
      </c>
      <c r="E95" s="10" t="s">
        <v>604</v>
      </c>
      <c r="F95" s="10" t="s">
        <v>605</v>
      </c>
      <c r="G95" s="10" t="s">
        <v>877</v>
      </c>
    </row>
    <row r="96" spans="1:8" x14ac:dyDescent="0.25">
      <c r="A96" s="10" t="s">
        <v>7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0" t="s">
        <v>7</v>
      </c>
    </row>
    <row r="97" spans="1:7" x14ac:dyDescent="0.25">
      <c r="A97" s="3" t="s">
        <v>120</v>
      </c>
      <c r="B97" s="5" t="s">
        <v>916</v>
      </c>
      <c r="C97" s="11">
        <v>0</v>
      </c>
      <c r="D97" s="11">
        <v>0</v>
      </c>
      <c r="E97" s="11">
        <v>0</v>
      </c>
      <c r="F97" s="11">
        <v>0</v>
      </c>
      <c r="G97" s="11">
        <v>0</v>
      </c>
    </row>
    <row r="98" spans="1:7" x14ac:dyDescent="0.25">
      <c r="A98" s="2" t="s">
        <v>121</v>
      </c>
      <c r="B98" s="4" t="s">
        <v>917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</row>
    <row r="99" spans="1:7" x14ac:dyDescent="0.25">
      <c r="A99" s="2" t="s">
        <v>122</v>
      </c>
      <c r="B99" s="4" t="s">
        <v>918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</row>
    <row r="100" spans="1:7" x14ac:dyDescent="0.25">
      <c r="A100" s="2" t="s">
        <v>123</v>
      </c>
      <c r="B100" s="4" t="s">
        <v>919</v>
      </c>
      <c r="C100" s="12">
        <v>43233912</v>
      </c>
      <c r="D100" s="12">
        <v>30617673.43</v>
      </c>
      <c r="E100" s="12">
        <v>30613122.280000001</v>
      </c>
      <c r="F100" s="12">
        <v>30613122.280000001</v>
      </c>
      <c r="G100" s="12">
        <v>4551.1499999999996</v>
      </c>
    </row>
    <row r="101" spans="1:7" x14ac:dyDescent="0.25">
      <c r="A101" s="2" t="s">
        <v>124</v>
      </c>
      <c r="B101" s="4" t="s">
        <v>920</v>
      </c>
      <c r="C101" s="12">
        <v>1254459478</v>
      </c>
      <c r="D101" s="12">
        <v>1187587386.9400001</v>
      </c>
      <c r="E101" s="12">
        <v>1055520317.9400001</v>
      </c>
      <c r="F101" s="12">
        <v>1054981282.13</v>
      </c>
      <c r="G101" s="12">
        <v>132067069</v>
      </c>
    </row>
    <row r="102" spans="1:7" x14ac:dyDescent="0.25">
      <c r="A102" s="2" t="s">
        <v>125</v>
      </c>
      <c r="B102" s="4" t="s">
        <v>921</v>
      </c>
      <c r="C102" s="12">
        <v>250384700</v>
      </c>
      <c r="D102" s="12">
        <v>245419879.02000001</v>
      </c>
      <c r="E102" s="12">
        <v>241867246.31999999</v>
      </c>
      <c r="F102" s="12">
        <v>241728953.08000001</v>
      </c>
      <c r="G102" s="12">
        <v>3552632.7</v>
      </c>
    </row>
    <row r="103" spans="1:7" x14ac:dyDescent="0.25">
      <c r="A103" s="2" t="s">
        <v>126</v>
      </c>
      <c r="B103" s="4" t="s">
        <v>922</v>
      </c>
      <c r="C103" s="12">
        <v>855910</v>
      </c>
      <c r="D103" s="12">
        <v>660850.97</v>
      </c>
      <c r="E103" s="12">
        <v>591310.97</v>
      </c>
      <c r="F103" s="12">
        <v>591310.97</v>
      </c>
      <c r="G103" s="12">
        <v>69540</v>
      </c>
    </row>
    <row r="104" spans="1:7" x14ac:dyDescent="0.25">
      <c r="A104" s="3" t="s">
        <v>127</v>
      </c>
      <c r="B104" s="5" t="s">
        <v>923</v>
      </c>
      <c r="C104" s="11">
        <v>1548934000</v>
      </c>
      <c r="D104" s="11">
        <v>1464285790.3599999</v>
      </c>
      <c r="E104" s="11">
        <v>1328591997.51</v>
      </c>
      <c r="F104" s="11">
        <v>1327914668.46</v>
      </c>
      <c r="G104" s="11">
        <v>135693792.84999999</v>
      </c>
    </row>
    <row r="106" spans="1:7" x14ac:dyDescent="0.25">
      <c r="A106" s="10" t="s">
        <v>6</v>
      </c>
      <c r="B106" s="10" t="s">
        <v>924</v>
      </c>
      <c r="C106" s="10" t="s">
        <v>396</v>
      </c>
    </row>
    <row r="107" spans="1:7" x14ac:dyDescent="0.25">
      <c r="A107" s="10" t="s">
        <v>7</v>
      </c>
      <c r="B107" s="10" t="s">
        <v>7</v>
      </c>
      <c r="C107" s="10" t="s">
        <v>7</v>
      </c>
    </row>
    <row r="108" spans="1:7" x14ac:dyDescent="0.25">
      <c r="A108" s="2" t="s">
        <v>129</v>
      </c>
      <c r="B108" s="4" t="s">
        <v>925</v>
      </c>
      <c r="C108" s="12">
        <v>2843809055.7600002</v>
      </c>
    </row>
    <row r="109" spans="1:7" x14ac:dyDescent="0.25">
      <c r="A109" s="2" t="s">
        <v>131</v>
      </c>
      <c r="B109" s="4" t="s">
        <v>926</v>
      </c>
      <c r="C109" s="12">
        <v>-1054868479.1900001</v>
      </c>
    </row>
    <row r="110" spans="1:7" x14ac:dyDescent="0.25">
      <c r="A110" s="2" t="s">
        <v>133</v>
      </c>
      <c r="B110" s="4" t="s">
        <v>927</v>
      </c>
      <c r="C110" s="12">
        <v>0</v>
      </c>
    </row>
    <row r="111" spans="1:7" x14ac:dyDescent="0.25">
      <c r="A111" s="2" t="s">
        <v>135</v>
      </c>
      <c r="B111" s="4" t="s">
        <v>928</v>
      </c>
      <c r="C111" s="12">
        <v>0</v>
      </c>
    </row>
    <row r="112" spans="1:7" x14ac:dyDescent="0.25">
      <c r="A112" s="2" t="s">
        <v>137</v>
      </c>
      <c r="B112" s="4" t="s">
        <v>929</v>
      </c>
      <c r="C112" s="12">
        <v>3727567.08</v>
      </c>
    </row>
    <row r="113" spans="1:7" x14ac:dyDescent="0.25">
      <c r="A113" s="3" t="s">
        <v>139</v>
      </c>
      <c r="B113" s="5" t="s">
        <v>930</v>
      </c>
      <c r="C113" s="11">
        <v>3894949967.8699999</v>
      </c>
    </row>
    <row r="115" spans="1:7" x14ac:dyDescent="0.25">
      <c r="A115" s="10" t="s">
        <v>6</v>
      </c>
      <c r="B115" s="10" t="s">
        <v>931</v>
      </c>
      <c r="C115" s="10" t="s">
        <v>932</v>
      </c>
      <c r="D115" s="10" t="s">
        <v>933</v>
      </c>
      <c r="E115" s="10" t="s">
        <v>934</v>
      </c>
    </row>
    <row r="116" spans="1:7" x14ac:dyDescent="0.25">
      <c r="A116" s="10" t="s">
        <v>7</v>
      </c>
      <c r="B116" s="10" t="s">
        <v>7</v>
      </c>
      <c r="C116" s="10" t="s">
        <v>7</v>
      </c>
      <c r="D116" s="10" t="s">
        <v>7</v>
      </c>
      <c r="E116" s="10" t="s">
        <v>7</v>
      </c>
    </row>
    <row r="117" spans="1:7" x14ac:dyDescent="0.25">
      <c r="A117" s="2" t="s">
        <v>141</v>
      </c>
      <c r="B117" s="4" t="s">
        <v>935</v>
      </c>
      <c r="C117" s="12">
        <v>3326384937.02</v>
      </c>
      <c r="D117" s="12">
        <v>3894949967.8699999</v>
      </c>
      <c r="E117" s="12">
        <v>29.27</v>
      </c>
    </row>
    <row r="119" spans="1:7" x14ac:dyDescent="0.25">
      <c r="A119" s="10" t="s">
        <v>6</v>
      </c>
      <c r="B119" s="10" t="s">
        <v>936</v>
      </c>
      <c r="C119" s="10" t="s">
        <v>937</v>
      </c>
      <c r="D119" s="10" t="s">
        <v>938</v>
      </c>
      <c r="E119" s="10" t="s">
        <v>939</v>
      </c>
      <c r="F119" s="10" t="s">
        <v>940</v>
      </c>
      <c r="G119" s="10" t="s">
        <v>941</v>
      </c>
    </row>
    <row r="120" spans="1:7" x14ac:dyDescent="0.25">
      <c r="A120" s="10" t="s">
        <v>7</v>
      </c>
      <c r="B120" s="10" t="s">
        <v>7</v>
      </c>
      <c r="C120" s="10" t="s">
        <v>7</v>
      </c>
      <c r="D120" s="10" t="s">
        <v>7</v>
      </c>
      <c r="E120" s="10" t="s">
        <v>7</v>
      </c>
      <c r="F120" s="10" t="s">
        <v>7</v>
      </c>
      <c r="G120" s="10" t="s">
        <v>7</v>
      </c>
    </row>
    <row r="121" spans="1:7" x14ac:dyDescent="0.25">
      <c r="A121" s="3" t="s">
        <v>143</v>
      </c>
      <c r="B121" s="5" t="s">
        <v>942</v>
      </c>
      <c r="C121" s="11">
        <v>98923969.840000004</v>
      </c>
      <c r="D121" s="11">
        <v>0</v>
      </c>
      <c r="E121" s="11">
        <v>93324507.890000001</v>
      </c>
      <c r="F121" s="11">
        <v>3727567.08</v>
      </c>
      <c r="G121" s="11">
        <v>1871894.87</v>
      </c>
    </row>
    <row r="122" spans="1:7" x14ac:dyDescent="0.25">
      <c r="A122" s="2" t="s">
        <v>145</v>
      </c>
      <c r="B122" s="4" t="s">
        <v>943</v>
      </c>
      <c r="C122" s="12">
        <v>96435930.469999999</v>
      </c>
      <c r="D122" s="12">
        <v>0</v>
      </c>
      <c r="E122" s="12">
        <v>90836468.519999996</v>
      </c>
      <c r="F122" s="12">
        <v>3727567.08</v>
      </c>
      <c r="G122" s="12">
        <v>1871894.87</v>
      </c>
    </row>
    <row r="123" spans="1:7" x14ac:dyDescent="0.25">
      <c r="A123" s="2" t="s">
        <v>147</v>
      </c>
      <c r="B123" s="4" t="s">
        <v>944</v>
      </c>
      <c r="C123" s="12">
        <v>2488039.37</v>
      </c>
      <c r="D123" s="12">
        <v>0</v>
      </c>
      <c r="E123" s="12">
        <v>2488039.37</v>
      </c>
      <c r="F123" s="12">
        <v>0</v>
      </c>
      <c r="G123" s="12">
        <v>0</v>
      </c>
    </row>
    <row r="124" spans="1:7" x14ac:dyDescent="0.25">
      <c r="A124" s="2" t="s">
        <v>149</v>
      </c>
      <c r="B124" s="4" t="s">
        <v>945</v>
      </c>
      <c r="C124" s="12">
        <v>0</v>
      </c>
      <c r="D124" s="12">
        <v>0</v>
      </c>
      <c r="E124" s="12">
        <v>0</v>
      </c>
      <c r="F124" s="12">
        <v>0</v>
      </c>
      <c r="G124" s="12">
        <v>0</v>
      </c>
    </row>
    <row r="126" spans="1:7" x14ac:dyDescent="0.25">
      <c r="A126" s="10" t="s">
        <v>6</v>
      </c>
      <c r="B126" s="10" t="s">
        <v>946</v>
      </c>
      <c r="C126" s="10" t="s">
        <v>10</v>
      </c>
      <c r="D126" s="10" t="s">
        <v>580</v>
      </c>
    </row>
    <row r="127" spans="1:7" x14ac:dyDescent="0.25">
      <c r="A127" s="10" t="s">
        <v>7</v>
      </c>
      <c r="B127" s="10" t="s">
        <v>7</v>
      </c>
      <c r="C127" s="10" t="s">
        <v>7</v>
      </c>
      <c r="D127" s="10" t="s">
        <v>7</v>
      </c>
    </row>
    <row r="128" spans="1:7" x14ac:dyDescent="0.25">
      <c r="A128" s="3" t="s">
        <v>151</v>
      </c>
      <c r="B128" s="5" t="s">
        <v>947</v>
      </c>
      <c r="C128" s="11">
        <v>166126000</v>
      </c>
      <c r="D128" s="11">
        <v>61659565.079999998</v>
      </c>
    </row>
    <row r="129" spans="1:7" x14ac:dyDescent="0.25">
      <c r="A129" s="2" t="s">
        <v>152</v>
      </c>
      <c r="B129" s="4" t="s">
        <v>948</v>
      </c>
      <c r="C129" s="12">
        <v>73336200</v>
      </c>
      <c r="D129" s="12">
        <v>40897489.060000002</v>
      </c>
    </row>
    <row r="130" spans="1:7" x14ac:dyDescent="0.25">
      <c r="A130" s="2" t="s">
        <v>153</v>
      </c>
      <c r="B130" s="4" t="s">
        <v>949</v>
      </c>
      <c r="C130" s="12">
        <v>0</v>
      </c>
      <c r="D130" s="12">
        <v>53076.42</v>
      </c>
    </row>
    <row r="131" spans="1:7" x14ac:dyDescent="0.25">
      <c r="A131" s="2" t="s">
        <v>155</v>
      </c>
      <c r="B131" s="4" t="s">
        <v>950</v>
      </c>
      <c r="C131" s="12">
        <v>18000000</v>
      </c>
      <c r="D131" s="12">
        <v>20708999.600000001</v>
      </c>
    </row>
    <row r="132" spans="1:7" x14ac:dyDescent="0.25">
      <c r="A132" s="2" t="s">
        <v>157</v>
      </c>
      <c r="B132" s="4" t="s">
        <v>951</v>
      </c>
      <c r="C132" s="12">
        <v>0</v>
      </c>
      <c r="D132" s="12">
        <v>0</v>
      </c>
    </row>
    <row r="133" spans="1:7" x14ac:dyDescent="0.25">
      <c r="A133" s="2" t="s">
        <v>159</v>
      </c>
      <c r="B133" s="4" t="s">
        <v>952</v>
      </c>
      <c r="C133" s="12">
        <v>74789800</v>
      </c>
      <c r="D133" s="12">
        <v>0</v>
      </c>
    </row>
    <row r="134" spans="1:7" x14ac:dyDescent="0.25">
      <c r="A134" s="2" t="s">
        <v>161</v>
      </c>
      <c r="B134" s="4" t="s">
        <v>953</v>
      </c>
      <c r="C134" s="12">
        <v>121859400</v>
      </c>
      <c r="D134" s="12">
        <v>15363948.32</v>
      </c>
    </row>
    <row r="135" spans="1:7" x14ac:dyDescent="0.25">
      <c r="A135" s="2" t="s">
        <v>163</v>
      </c>
      <c r="B135" s="4" t="s">
        <v>954</v>
      </c>
      <c r="C135" s="12">
        <v>0</v>
      </c>
      <c r="D135" s="12">
        <v>0</v>
      </c>
    </row>
    <row r="136" spans="1:7" x14ac:dyDescent="0.25">
      <c r="A136" s="2" t="s">
        <v>178</v>
      </c>
      <c r="B136" s="4" t="s">
        <v>955</v>
      </c>
      <c r="C136" s="12">
        <v>0</v>
      </c>
      <c r="D136" s="12">
        <v>0</v>
      </c>
    </row>
    <row r="137" spans="1:7" x14ac:dyDescent="0.25">
      <c r="A137" s="2" t="s">
        <v>180</v>
      </c>
      <c r="B137" s="4" t="s">
        <v>956</v>
      </c>
      <c r="C137" s="12">
        <v>0</v>
      </c>
      <c r="D137" s="12">
        <v>19058200</v>
      </c>
    </row>
    <row r="138" spans="1:7" x14ac:dyDescent="0.25">
      <c r="A138" s="3" t="s">
        <v>182</v>
      </c>
      <c r="B138" s="5" t="s">
        <v>957</v>
      </c>
      <c r="C138" s="11">
        <v>287985400</v>
      </c>
      <c r="D138" s="11">
        <v>96081713.400000006</v>
      </c>
    </row>
    <row r="140" spans="1:7" x14ac:dyDescent="0.25">
      <c r="A140" s="10" t="s">
        <v>6</v>
      </c>
      <c r="B140" s="10" t="s">
        <v>958</v>
      </c>
      <c r="C140" s="10" t="s">
        <v>602</v>
      </c>
      <c r="D140" s="10" t="s">
        <v>603</v>
      </c>
      <c r="E140" s="10" t="s">
        <v>604</v>
      </c>
      <c r="F140" s="10" t="s">
        <v>605</v>
      </c>
      <c r="G140" s="10" t="s">
        <v>877</v>
      </c>
    </row>
    <row r="141" spans="1:7" x14ac:dyDescent="0.25">
      <c r="A141" s="10" t="s">
        <v>7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0" t="s">
        <v>7</v>
      </c>
    </row>
    <row r="142" spans="1:7" x14ac:dyDescent="0.25">
      <c r="A142" s="3" t="s">
        <v>184</v>
      </c>
      <c r="B142" s="5" t="s">
        <v>959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</row>
    <row r="143" spans="1:7" x14ac:dyDescent="0.25">
      <c r="A143" s="2" t="s">
        <v>186</v>
      </c>
      <c r="B143" s="4" t="s">
        <v>960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</row>
    <row r="144" spans="1:7" x14ac:dyDescent="0.25">
      <c r="A144" s="2" t="s">
        <v>188</v>
      </c>
      <c r="B144" s="4" t="s">
        <v>961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</row>
    <row r="145" spans="1:7" x14ac:dyDescent="0.25">
      <c r="A145" s="2" t="s">
        <v>190</v>
      </c>
      <c r="B145" s="4" t="s">
        <v>962</v>
      </c>
      <c r="C145" s="12">
        <v>71866741.989999995</v>
      </c>
      <c r="D145" s="12">
        <v>15530674.130000001</v>
      </c>
      <c r="E145" s="12">
        <v>14666291.68</v>
      </c>
      <c r="F145" s="12">
        <v>14666291.68</v>
      </c>
      <c r="G145" s="12">
        <v>864382.45</v>
      </c>
    </row>
    <row r="146" spans="1:7" x14ac:dyDescent="0.25">
      <c r="A146" s="2" t="s">
        <v>192</v>
      </c>
      <c r="B146" s="4" t="s">
        <v>963</v>
      </c>
      <c r="C146" s="12">
        <v>154644558.00999999</v>
      </c>
      <c r="D146" s="12">
        <v>74845476.129999995</v>
      </c>
      <c r="E146" s="12">
        <v>66756750.799999997</v>
      </c>
      <c r="F146" s="12">
        <v>66756750.799999997</v>
      </c>
      <c r="G146" s="12">
        <v>8088725.3300000001</v>
      </c>
    </row>
    <row r="147" spans="1:7" x14ac:dyDescent="0.25">
      <c r="A147" s="2" t="s">
        <v>194</v>
      </c>
      <c r="B147" s="4" t="s">
        <v>964</v>
      </c>
      <c r="C147" s="12">
        <v>31583000</v>
      </c>
      <c r="D147" s="12">
        <v>9194931</v>
      </c>
      <c r="E147" s="12">
        <v>5836952.2199999997</v>
      </c>
      <c r="F147" s="12">
        <v>5835713.2199999997</v>
      </c>
      <c r="G147" s="12">
        <v>3357978.78</v>
      </c>
    </row>
    <row r="148" spans="1:7" x14ac:dyDescent="0.25">
      <c r="A148" s="2" t="s">
        <v>196</v>
      </c>
      <c r="B148" s="4" t="s">
        <v>965</v>
      </c>
      <c r="C148" s="12">
        <v>42630000</v>
      </c>
      <c r="D148" s="12">
        <v>2857973.5</v>
      </c>
      <c r="E148" s="12">
        <v>2853473.5</v>
      </c>
      <c r="F148" s="12">
        <v>2853473.5</v>
      </c>
      <c r="G148" s="12">
        <v>4500</v>
      </c>
    </row>
    <row r="149" spans="1:7" x14ac:dyDescent="0.25">
      <c r="A149" s="3" t="s">
        <v>198</v>
      </c>
      <c r="B149" s="5" t="s">
        <v>966</v>
      </c>
      <c r="C149" s="11">
        <v>300724300</v>
      </c>
      <c r="D149" s="11">
        <v>102429054.76000001</v>
      </c>
      <c r="E149" s="11">
        <v>90113468.200000003</v>
      </c>
      <c r="F149" s="11">
        <v>90112229.200000003</v>
      </c>
      <c r="G149" s="11">
        <v>12315586.560000001</v>
      </c>
    </row>
    <row r="151" spans="1:7" x14ac:dyDescent="0.25">
      <c r="A151" s="10" t="s">
        <v>6</v>
      </c>
      <c r="B151" s="10" t="s">
        <v>967</v>
      </c>
      <c r="C151" s="10" t="s">
        <v>602</v>
      </c>
      <c r="D151" s="10" t="s">
        <v>603</v>
      </c>
      <c r="E151" s="10" t="s">
        <v>604</v>
      </c>
      <c r="F151" s="10" t="s">
        <v>605</v>
      </c>
      <c r="G151" s="10" t="s">
        <v>877</v>
      </c>
    </row>
    <row r="152" spans="1:7" x14ac:dyDescent="0.25">
      <c r="A152" s="10" t="s">
        <v>7</v>
      </c>
      <c r="B152" s="10" t="s">
        <v>7</v>
      </c>
      <c r="C152" s="10" t="s">
        <v>7</v>
      </c>
      <c r="D152" s="10" t="s">
        <v>7</v>
      </c>
      <c r="E152" s="10" t="s">
        <v>7</v>
      </c>
      <c r="F152" s="10" t="s">
        <v>7</v>
      </c>
      <c r="G152" s="10" t="s">
        <v>7</v>
      </c>
    </row>
    <row r="153" spans="1:7" x14ac:dyDescent="0.25">
      <c r="A153" s="3" t="s">
        <v>200</v>
      </c>
      <c r="B153" s="5" t="s">
        <v>968</v>
      </c>
      <c r="C153" s="11">
        <v>3236796300</v>
      </c>
      <c r="D153" s="11">
        <v>2946238110.52</v>
      </c>
      <c r="E153" s="11">
        <v>2755153490.6599998</v>
      </c>
      <c r="F153" s="11">
        <v>2754474922.6100001</v>
      </c>
      <c r="G153" s="11">
        <v>191084619.86000001</v>
      </c>
    </row>
    <row r="154" spans="1:7" x14ac:dyDescent="0.25">
      <c r="A154" s="3" t="s">
        <v>202</v>
      </c>
      <c r="B154" s="5" t="s">
        <v>969</v>
      </c>
      <c r="C154" s="11">
        <v>2937772437</v>
      </c>
      <c r="D154" s="11">
        <v>2741702919.6599998</v>
      </c>
      <c r="E154" s="11">
        <v>2670914753.5799999</v>
      </c>
      <c r="F154" s="11">
        <v>2670775221.3400002</v>
      </c>
      <c r="G154" s="11">
        <v>70788166.079999998</v>
      </c>
    </row>
    <row r="155" spans="1:7" x14ac:dyDescent="0.25">
      <c r="A155" s="2" t="s">
        <v>204</v>
      </c>
      <c r="B155" s="4" t="s">
        <v>970</v>
      </c>
      <c r="C155" s="12">
        <v>2342658100</v>
      </c>
      <c r="D155" s="12">
        <v>2309217678.4499998</v>
      </c>
      <c r="E155" s="12">
        <v>2309217678.4499998</v>
      </c>
      <c r="F155" s="12">
        <v>2309217678.4499998</v>
      </c>
      <c r="G155" s="12">
        <v>0</v>
      </c>
    </row>
    <row r="156" spans="1:7" x14ac:dyDescent="0.25">
      <c r="A156" s="2" t="s">
        <v>206</v>
      </c>
      <c r="B156" s="4" t="s">
        <v>971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</row>
    <row r="157" spans="1:7" x14ac:dyDescent="0.25">
      <c r="A157" s="2" t="s">
        <v>208</v>
      </c>
      <c r="B157" s="4" t="s">
        <v>972</v>
      </c>
      <c r="C157" s="12">
        <v>23507780.84</v>
      </c>
      <c r="D157" s="12">
        <v>22118069.460000001</v>
      </c>
      <c r="E157" s="12">
        <v>22118069.460000001</v>
      </c>
      <c r="F157" s="12">
        <v>22118069.460000001</v>
      </c>
      <c r="G157" s="12">
        <v>0</v>
      </c>
    </row>
    <row r="158" spans="1:7" x14ac:dyDescent="0.25">
      <c r="A158" s="2" t="s">
        <v>210</v>
      </c>
      <c r="B158" s="4" t="s">
        <v>973</v>
      </c>
      <c r="C158" s="12">
        <v>571606556.15999997</v>
      </c>
      <c r="D158" s="12">
        <v>410367171.75</v>
      </c>
      <c r="E158" s="12">
        <v>339579005.67000002</v>
      </c>
      <c r="F158" s="12">
        <v>339439473.43000001</v>
      </c>
      <c r="G158" s="12">
        <v>70788166.079999998</v>
      </c>
    </row>
    <row r="159" spans="1:7" x14ac:dyDescent="0.25">
      <c r="A159" s="3" t="s">
        <v>212</v>
      </c>
      <c r="B159" s="5" t="s">
        <v>974</v>
      </c>
      <c r="C159" s="11">
        <v>299023863</v>
      </c>
      <c r="D159" s="11">
        <v>204535190.86000001</v>
      </c>
      <c r="E159" s="11">
        <v>84238737.079999998</v>
      </c>
      <c r="F159" s="11">
        <v>83699701.269999996</v>
      </c>
      <c r="G159" s="11">
        <v>120296453.78</v>
      </c>
    </row>
    <row r="160" spans="1:7" x14ac:dyDescent="0.25">
      <c r="A160" s="2" t="s">
        <v>214</v>
      </c>
      <c r="B160" s="4" t="s">
        <v>975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</row>
    <row r="161" spans="1:7" x14ac:dyDescent="0.25">
      <c r="A161" s="2" t="s">
        <v>216</v>
      </c>
      <c r="B161" s="4" t="s">
        <v>976</v>
      </c>
      <c r="C161" s="12">
        <v>299023863</v>
      </c>
      <c r="D161" s="12">
        <v>204535190.86000001</v>
      </c>
      <c r="E161" s="12">
        <v>84238737.079999998</v>
      </c>
      <c r="F161" s="12">
        <v>83699701.269999996</v>
      </c>
      <c r="G161" s="12">
        <v>120296453.78</v>
      </c>
    </row>
    <row r="163" spans="1:7" x14ac:dyDescent="0.25">
      <c r="A163" s="10" t="s">
        <v>6</v>
      </c>
      <c r="B163" s="10" t="s">
        <v>977</v>
      </c>
      <c r="C163" s="10" t="s">
        <v>978</v>
      </c>
      <c r="D163" s="10" t="s">
        <v>979</v>
      </c>
    </row>
    <row r="164" spans="1:7" x14ac:dyDescent="0.25">
      <c r="A164" s="10" t="s">
        <v>7</v>
      </c>
      <c r="B164" s="10" t="s">
        <v>7</v>
      </c>
      <c r="C164" s="10" t="s">
        <v>7</v>
      </c>
      <c r="D164" s="10" t="s">
        <v>7</v>
      </c>
    </row>
    <row r="165" spans="1:7" x14ac:dyDescent="0.25">
      <c r="A165" s="2" t="s">
        <v>217</v>
      </c>
      <c r="B165" s="4" t="s">
        <v>980</v>
      </c>
      <c r="C165" s="12">
        <v>17653177.280000001</v>
      </c>
      <c r="D165" s="12">
        <v>10470588.27</v>
      </c>
    </row>
    <row r="166" spans="1:7" x14ac:dyDescent="0.25">
      <c r="A166" s="2" t="s">
        <v>218</v>
      </c>
      <c r="B166" s="4" t="s">
        <v>981</v>
      </c>
      <c r="C166" s="12">
        <v>1393424725.6800001</v>
      </c>
      <c r="D166" s="12">
        <v>40897489.060000002</v>
      </c>
    </row>
    <row r="167" spans="1:7" x14ac:dyDescent="0.25">
      <c r="A167" s="2" t="s">
        <v>220</v>
      </c>
      <c r="B167" s="4" t="s">
        <v>982</v>
      </c>
      <c r="C167" s="12">
        <v>1338936064.3199999</v>
      </c>
      <c r="D167" s="12">
        <v>44338165.189999998</v>
      </c>
    </row>
    <row r="168" spans="1:7" x14ac:dyDescent="0.25">
      <c r="A168" s="3" t="s">
        <v>222</v>
      </c>
      <c r="B168" s="5" t="s">
        <v>983</v>
      </c>
      <c r="C168" s="11">
        <v>72141838.640000001</v>
      </c>
      <c r="D168" s="11">
        <v>7029912.1399999997</v>
      </c>
    </row>
    <row r="169" spans="1:7" x14ac:dyDescent="0.25">
      <c r="A169" s="2" t="s">
        <v>224</v>
      </c>
      <c r="B169" s="4" t="s">
        <v>984</v>
      </c>
      <c r="C169" s="12">
        <v>0</v>
      </c>
      <c r="D169" s="12">
        <v>3214.53</v>
      </c>
    </row>
    <row r="170" spans="1:7" x14ac:dyDescent="0.25">
      <c r="A170" s="2" t="s">
        <v>227</v>
      </c>
      <c r="B170" s="4" t="s">
        <v>985</v>
      </c>
      <c r="C170" s="12">
        <v>473244.43</v>
      </c>
      <c r="D170" s="12">
        <v>74309.17</v>
      </c>
    </row>
    <row r="171" spans="1:7" x14ac:dyDescent="0.25">
      <c r="A171" s="3" t="s">
        <v>229</v>
      </c>
      <c r="B171" s="5" t="s">
        <v>986</v>
      </c>
      <c r="C171" s="11">
        <v>71668594.209999993</v>
      </c>
      <c r="D171" s="11">
        <v>6958817.5</v>
      </c>
    </row>
  </sheetData>
  <mergeCells count="106">
    <mergeCell ref="A163:A164"/>
    <mergeCell ref="B163:B164"/>
    <mergeCell ref="C163:C164"/>
    <mergeCell ref="D163:D164"/>
    <mergeCell ref="F140:F141"/>
    <mergeCell ref="G140:G141"/>
    <mergeCell ref="A151:A152"/>
    <mergeCell ref="B151:B152"/>
    <mergeCell ref="C151:C152"/>
    <mergeCell ref="D151:D152"/>
    <mergeCell ref="E151:E152"/>
    <mergeCell ref="F151:F152"/>
    <mergeCell ref="G151:G152"/>
    <mergeCell ref="A140:A141"/>
    <mergeCell ref="B140:B141"/>
    <mergeCell ref="C140:C141"/>
    <mergeCell ref="D140:D141"/>
    <mergeCell ref="E140:E141"/>
    <mergeCell ref="F119:F120"/>
    <mergeCell ref="G119:G120"/>
    <mergeCell ref="A126:A127"/>
    <mergeCell ref="B126:B127"/>
    <mergeCell ref="C126:C127"/>
    <mergeCell ref="D126:D127"/>
    <mergeCell ref="D115:D116"/>
    <mergeCell ref="E115:E116"/>
    <mergeCell ref="A119:A120"/>
    <mergeCell ref="B119:B120"/>
    <mergeCell ref="C119:C120"/>
    <mergeCell ref="D119:D120"/>
    <mergeCell ref="E119:E120"/>
    <mergeCell ref="A106:A107"/>
    <mergeCell ref="B106:B107"/>
    <mergeCell ref="C106:C107"/>
    <mergeCell ref="A115:A116"/>
    <mergeCell ref="B115:B116"/>
    <mergeCell ref="C115:C116"/>
    <mergeCell ref="F89:F90"/>
    <mergeCell ref="G89:G90"/>
    <mergeCell ref="H89:H90"/>
    <mergeCell ref="A95:A96"/>
    <mergeCell ref="B95:B96"/>
    <mergeCell ref="C95:C96"/>
    <mergeCell ref="D95:D96"/>
    <mergeCell ref="E95:E96"/>
    <mergeCell ref="F95:F96"/>
    <mergeCell ref="G95:G96"/>
    <mergeCell ref="A89:A90"/>
    <mergeCell ref="B89:B90"/>
    <mergeCell ref="C89:C90"/>
    <mergeCell ref="D89:D90"/>
    <mergeCell ref="E89:E90"/>
    <mergeCell ref="F80:F81"/>
    <mergeCell ref="A85:A86"/>
    <mergeCell ref="B85:B86"/>
    <mergeCell ref="C85:C86"/>
    <mergeCell ref="D85:D86"/>
    <mergeCell ref="E85:E86"/>
    <mergeCell ref="F85:F86"/>
    <mergeCell ref="A80:A81"/>
    <mergeCell ref="B80:B81"/>
    <mergeCell ref="C80:C81"/>
    <mergeCell ref="D80:D81"/>
    <mergeCell ref="E80:E81"/>
    <mergeCell ref="D62:D63"/>
    <mergeCell ref="E62:E63"/>
    <mergeCell ref="F62:F63"/>
    <mergeCell ref="G62:G63"/>
    <mergeCell ref="A72:A73"/>
    <mergeCell ref="B72:B73"/>
    <mergeCell ref="C72:C73"/>
    <mergeCell ref="D72:D73"/>
    <mergeCell ref="E72:E73"/>
    <mergeCell ref="F72:F73"/>
    <mergeCell ref="G72:G73"/>
    <mergeCell ref="A58:A59"/>
    <mergeCell ref="B58:B59"/>
    <mergeCell ref="C58:C59"/>
    <mergeCell ref="A62:A63"/>
    <mergeCell ref="B62:B63"/>
    <mergeCell ref="C62:C63"/>
    <mergeCell ref="A38:A39"/>
    <mergeCell ref="B38:B39"/>
    <mergeCell ref="C38:C39"/>
    <mergeCell ref="D38:D39"/>
    <mergeCell ref="A52:A53"/>
    <mergeCell ref="B52:B53"/>
    <mergeCell ref="C52:C53"/>
    <mergeCell ref="A30:A31"/>
    <mergeCell ref="B30:B31"/>
    <mergeCell ref="C30:C31"/>
    <mergeCell ref="D30:D31"/>
    <mergeCell ref="A34:A35"/>
    <mergeCell ref="B34:B35"/>
    <mergeCell ref="C34:C35"/>
    <mergeCell ref="D34:D35"/>
    <mergeCell ref="A9:H9"/>
    <mergeCell ref="A10:A11"/>
    <mergeCell ref="B10:B11"/>
    <mergeCell ref="C10:C11"/>
    <mergeCell ref="D10:D11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36"/>
  <sheetViews>
    <sheetView showGridLines="0" workbookViewId="0"/>
  </sheetViews>
  <sheetFormatPr defaultRowHeight="15" x14ac:dyDescent="0.25"/>
  <cols>
    <col min="2" max="2" width="88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987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988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989</v>
      </c>
      <c r="C10" s="10" t="s">
        <v>990</v>
      </c>
      <c r="D10" s="10" t="s">
        <v>991</v>
      </c>
      <c r="E10" s="10" t="s">
        <v>992</v>
      </c>
      <c r="F10" s="10" t="s">
        <v>993</v>
      </c>
      <c r="G10" s="10" t="s">
        <v>994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0" t="s">
        <v>7</v>
      </c>
    </row>
    <row r="12" spans="1:7" x14ac:dyDescent="0.25">
      <c r="A12" s="3" t="s">
        <v>17</v>
      </c>
      <c r="B12" s="5" t="s">
        <v>995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</row>
    <row r="13" spans="1:7" x14ac:dyDescent="0.25">
      <c r="A13" s="2" t="s">
        <v>19</v>
      </c>
      <c r="B13" s="4" t="s">
        <v>996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</row>
    <row r="14" spans="1:7" x14ac:dyDescent="0.25">
      <c r="A14" s="2" t="s">
        <v>21</v>
      </c>
      <c r="B14" s="4" t="s">
        <v>997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</row>
    <row r="15" spans="1:7" x14ac:dyDescent="0.25">
      <c r="A15" s="2" t="s">
        <v>23</v>
      </c>
      <c r="B15" s="4" t="s">
        <v>998</v>
      </c>
      <c r="C15" s="12">
        <v>0</v>
      </c>
      <c r="D15" s="12">
        <v>0</v>
      </c>
      <c r="E15" s="12">
        <v>0</v>
      </c>
      <c r="F15" s="12">
        <v>0</v>
      </c>
      <c r="G15" s="12">
        <v>0</v>
      </c>
    </row>
    <row r="16" spans="1:7" x14ac:dyDescent="0.25">
      <c r="A16" s="2" t="s">
        <v>25</v>
      </c>
      <c r="B16" s="4" t="s">
        <v>999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</row>
    <row r="17" spans="1:7" x14ac:dyDescent="0.25">
      <c r="A17" s="2" t="s">
        <v>27</v>
      </c>
      <c r="B17" s="4" t="s">
        <v>1000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</row>
    <row r="18" spans="1:7" x14ac:dyDescent="0.25">
      <c r="A18" s="3" t="s">
        <v>29</v>
      </c>
      <c r="B18" s="5" t="s">
        <v>1001</v>
      </c>
      <c r="C18" s="11">
        <v>0</v>
      </c>
      <c r="D18" s="11">
        <v>0</v>
      </c>
      <c r="E18" s="11">
        <v>0</v>
      </c>
      <c r="F18" s="11">
        <v>0</v>
      </c>
      <c r="G18" s="11">
        <v>0</v>
      </c>
    </row>
    <row r="19" spans="1:7" x14ac:dyDescent="0.25">
      <c r="A19" s="2" t="s">
        <v>31</v>
      </c>
      <c r="B19" s="4" t="s">
        <v>996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</row>
    <row r="20" spans="1:7" x14ac:dyDescent="0.25">
      <c r="A20" s="2" t="s">
        <v>33</v>
      </c>
      <c r="B20" s="4" t="s">
        <v>997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</row>
    <row r="21" spans="1:7" x14ac:dyDescent="0.25">
      <c r="A21" s="2" t="s">
        <v>35</v>
      </c>
      <c r="B21" s="4" t="s">
        <v>998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</row>
    <row r="22" spans="1:7" x14ac:dyDescent="0.25">
      <c r="A22" s="2" t="s">
        <v>37</v>
      </c>
      <c r="B22" s="4" t="s">
        <v>999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</row>
    <row r="23" spans="1:7" x14ac:dyDescent="0.25">
      <c r="A23" s="2" t="s">
        <v>39</v>
      </c>
      <c r="B23" s="4" t="s">
        <v>1002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</row>
    <row r="24" spans="1:7" x14ac:dyDescent="0.25">
      <c r="A24" s="3" t="s">
        <v>41</v>
      </c>
      <c r="B24" s="5" t="s">
        <v>1003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</row>
    <row r="25" spans="1:7" x14ac:dyDescent="0.25">
      <c r="A25" s="2" t="s">
        <v>43</v>
      </c>
      <c r="B25" s="4" t="s">
        <v>996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</row>
    <row r="26" spans="1:7" x14ac:dyDescent="0.25">
      <c r="A26" s="2" t="s">
        <v>45</v>
      </c>
      <c r="B26" s="4" t="s">
        <v>997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</row>
    <row r="27" spans="1:7" x14ac:dyDescent="0.25">
      <c r="A27" s="2" t="s">
        <v>47</v>
      </c>
      <c r="B27" s="4" t="s">
        <v>998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</row>
    <row r="28" spans="1:7" x14ac:dyDescent="0.25">
      <c r="A28" s="2" t="s">
        <v>49</v>
      </c>
      <c r="B28" s="4" t="s">
        <v>999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</row>
    <row r="29" spans="1:7" x14ac:dyDescent="0.25">
      <c r="A29" s="2" t="s">
        <v>51</v>
      </c>
      <c r="B29" s="4" t="s">
        <v>1002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</row>
    <row r="30" spans="1:7" x14ac:dyDescent="0.25">
      <c r="A30" s="3" t="s">
        <v>53</v>
      </c>
      <c r="B30" s="5" t="s">
        <v>1004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</row>
    <row r="31" spans="1:7" x14ac:dyDescent="0.25">
      <c r="A31" s="2" t="s">
        <v>55</v>
      </c>
      <c r="B31" s="4" t="s">
        <v>999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</row>
    <row r="32" spans="1:7" x14ac:dyDescent="0.25">
      <c r="A32" s="2" t="s">
        <v>57</v>
      </c>
      <c r="B32" s="4" t="s">
        <v>1002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</row>
    <row r="33" spans="1:7" x14ac:dyDescent="0.25">
      <c r="A33" s="3" t="s">
        <v>59</v>
      </c>
      <c r="B33" s="5" t="s">
        <v>1005</v>
      </c>
      <c r="C33" s="11">
        <v>0</v>
      </c>
      <c r="D33" s="11">
        <v>0</v>
      </c>
      <c r="E33" s="11">
        <v>0</v>
      </c>
      <c r="F33" s="11">
        <v>0</v>
      </c>
      <c r="G33" s="11">
        <v>0</v>
      </c>
    </row>
    <row r="34" spans="1:7" x14ac:dyDescent="0.25">
      <c r="A34" s="2" t="s">
        <v>61</v>
      </c>
      <c r="B34" s="4" t="s">
        <v>999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</row>
    <row r="35" spans="1:7" x14ac:dyDescent="0.25">
      <c r="A35" s="2" t="s">
        <v>63</v>
      </c>
      <c r="B35" s="4" t="s">
        <v>1002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</row>
    <row r="36" spans="1:7" x14ac:dyDescent="0.25">
      <c r="A36" s="3" t="s">
        <v>65</v>
      </c>
      <c r="B36" s="5" t="s">
        <v>1006</v>
      </c>
      <c r="C36" s="11">
        <v>0</v>
      </c>
      <c r="D36" s="11">
        <v>0</v>
      </c>
      <c r="E36" s="11">
        <v>0</v>
      </c>
      <c r="F36" s="11">
        <v>0</v>
      </c>
      <c r="G36" s="11">
        <v>0</v>
      </c>
    </row>
  </sheetData>
  <mergeCells count="13">
    <mergeCell ref="A9:G9"/>
    <mergeCell ref="A10:A11"/>
    <mergeCell ref="B10:B11"/>
    <mergeCell ref="C10:C11"/>
    <mergeCell ref="D10:D11"/>
    <mergeCell ref="E10:E11"/>
    <mergeCell ref="F10:F11"/>
    <mergeCell ref="G10:G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6</vt:i4>
      </vt:variant>
    </vt:vector>
  </HeadingPairs>
  <TitlesOfParts>
    <vt:vector size="16" baseType="lpstr">
      <vt:lpstr>Anexo - 01 - Balanço Orçamentár</vt:lpstr>
      <vt:lpstr>Anexo - 01.1 - Despesas Corrent</vt:lpstr>
      <vt:lpstr>Anexo - 02 - Despesas por Funçã</vt:lpstr>
      <vt:lpstr>Anexo - 03 - Receita Corrente L</vt:lpstr>
      <vt:lpstr>Anexo - 04 - Receitas e Despesa</vt:lpstr>
      <vt:lpstr>Anexo - 06 - Resultado Primário</vt:lpstr>
      <vt:lpstr>Anexo - 07 - Restos a Pagar por</vt:lpstr>
      <vt:lpstr>Anexo - 08 - Receitas e Despesa</vt:lpstr>
      <vt:lpstr>Anexo - 08.1 - Despesa MDE-Cons</vt:lpstr>
      <vt:lpstr>Anexo - 09 - Receitas de Operaç</vt:lpstr>
      <vt:lpstr>Anexo - 10 - Projeção do Regime</vt:lpstr>
      <vt:lpstr>Anexo - 11 - Receitas de Aliena</vt:lpstr>
      <vt:lpstr>Anexo - 12 - Receitas e Despesa</vt:lpstr>
      <vt:lpstr>Anexo - 12.1 - Despesas Saúde -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2-01-27T12:38:27Z</dcterms:created>
  <dcterms:modified xsi:type="dcterms:W3CDTF">2022-01-27T13:04:18Z</dcterms:modified>
</cp:coreProperties>
</file>